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J:\s1\管理係\04_厚生\05_介護保険\05_事業者\0190_新規指定申請書\様式\R6.4.1～\地域密着\付表\"/>
    </mc:Choice>
  </mc:AlternateContent>
  <bookViews>
    <workbookView xWindow="0" yWindow="0" windowWidth="28800" windowHeight="11400"/>
  </bookViews>
  <sheets>
    <sheet name="付表第二号（三）" sheetId="1" r:id="rId1"/>
    <sheet name="（参考）付表第二号（三）" sheetId="2" r:id="rId2"/>
  </sheets>
  <definedNames>
    <definedName name="_xlnm.Print_Area" localSheetId="1">'（参考）付表第二号（三）'!$A$1:$T$92</definedName>
    <definedName name="_xlnm.Print_Area" localSheetId="0">'付表第二号（三）'!$A$1:$T$111</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08" uniqueCount="128">
  <si>
    <t xml:space="preserve">１　記入欄が不足する場合は、適宜欄を設けて記載するか又は次頁の記入欄不足時の書類を添付してください。
２　管理者の兼務については、添付資料にて確認可能な場合は記載を省略することが可能です。
３　機能訓練指導員については、生活相談員又は看護職員若しくは介護職員と兼務しない場合にのみ記載してください。
４　当該事業を事業所所在地以外の場所（いわゆる出張所）で一部実施する場合、下段の表に所在地等を記載してください。また、従業者については、上段の表に出張
　所に勤務する従業者も含めて記載してください。
５　サービス提供時間は、送迎時間を除きます。  
</t>
    <rPh sb="233" eb="236">
      <t>ジュウギョウシャ</t>
    </rPh>
    <phoneticPr fontId="4"/>
  </si>
  <si>
    <t>備考</t>
    <rPh sb="0" eb="2">
      <t>ビコウ</t>
    </rPh>
    <phoneticPr fontId="4"/>
  </si>
  <si>
    <t xml:space="preserve"> </t>
    <phoneticPr fontId="4"/>
  </si>
  <si>
    <t>平面図</t>
    <rPh sb="0" eb="3">
      <t>ヘイメンズ</t>
    </rPh>
    <phoneticPr fontId="4"/>
  </si>
  <si>
    <t>添付書類</t>
    <phoneticPr fontId="4"/>
  </si>
  <si>
    <t>人</t>
    <rPh sb="0" eb="1">
      <t>ヒト</t>
    </rPh>
    <phoneticPr fontId="4"/>
  </si>
  <si>
    <t>利用定員</t>
    <rPh sb="0" eb="2">
      <t>リヨウ</t>
    </rPh>
    <rPh sb="2" eb="4">
      <t>テイイン</t>
    </rPh>
    <phoneticPr fontId="4"/>
  </si>
  <si>
    <t>：</t>
  </si>
  <si>
    <t>～</t>
    <phoneticPr fontId="4"/>
  </si>
  <si>
    <t>サービス提供時間</t>
    <rPh sb="4" eb="6">
      <t>テイキョウ</t>
    </rPh>
    <phoneticPr fontId="4"/>
  </si>
  <si>
    <t>～</t>
    <phoneticPr fontId="4"/>
  </si>
  <si>
    <t>日曜日・祝日</t>
    <rPh sb="0" eb="2">
      <t>ニチヨウ</t>
    </rPh>
    <rPh sb="2" eb="3">
      <t>ヒ</t>
    </rPh>
    <rPh sb="4" eb="6">
      <t>シュクジツ</t>
    </rPh>
    <phoneticPr fontId="4"/>
  </si>
  <si>
    <t>～</t>
    <phoneticPr fontId="4"/>
  </si>
  <si>
    <t>土曜日</t>
    <rPh sb="0" eb="3">
      <t>ドヨウビ</t>
    </rPh>
    <phoneticPr fontId="4"/>
  </si>
  <si>
    <t>平日</t>
    <rPh sb="0" eb="2">
      <t>ヘイジツ</t>
    </rPh>
    <phoneticPr fontId="4"/>
  </si>
  <si>
    <t>曜日ごとに
異なる場合
記入</t>
    <phoneticPr fontId="4"/>
  </si>
  <si>
    <t>　　　　　営業時間</t>
    <phoneticPr fontId="4"/>
  </si>
  <si>
    <t>その他（年末年始休日等）</t>
    <phoneticPr fontId="4"/>
  </si>
  <si>
    <t>祝日</t>
    <rPh sb="0" eb="2">
      <t>シュクジツ</t>
    </rPh>
    <phoneticPr fontId="4"/>
  </si>
  <si>
    <t>土曜日</t>
  </si>
  <si>
    <t>金曜日</t>
  </si>
  <si>
    <t>木曜日</t>
  </si>
  <si>
    <t>水曜日</t>
  </si>
  <si>
    <t>火曜日</t>
  </si>
  <si>
    <t>月曜日</t>
    <rPh sb="0" eb="3">
      <t>ゲツヨウビ</t>
    </rPh>
    <phoneticPr fontId="4"/>
  </si>
  <si>
    <t>日曜日</t>
    <rPh sb="0" eb="3">
      <t>ニチヨウビ</t>
    </rPh>
    <phoneticPr fontId="4"/>
  </si>
  <si>
    <t>営業日
（該当に〇）</t>
    <rPh sb="0" eb="2">
      <t>エイギョウ</t>
    </rPh>
    <rPh sb="2" eb="3">
      <t>ビ</t>
    </rPh>
    <rPh sb="5" eb="7">
      <t>ガイトウ</t>
    </rPh>
    <phoneticPr fontId="4"/>
  </si>
  <si>
    <t>○設備に関する基準の確認に必要な事項</t>
    <rPh sb="1" eb="18">
      <t>セ</t>
    </rPh>
    <phoneticPr fontId="4"/>
  </si>
  <si>
    <t>サービス提供単位３</t>
    <phoneticPr fontId="4"/>
  </si>
  <si>
    <t>～</t>
    <phoneticPr fontId="4"/>
  </si>
  <si>
    <t>曜日ごとに
異なる場合
記入</t>
    <phoneticPr fontId="4"/>
  </si>
  <si>
    <t>～</t>
    <phoneticPr fontId="4"/>
  </si>
  <si>
    <t>　　　　　営業時間</t>
    <phoneticPr fontId="4"/>
  </si>
  <si>
    <t>その他（年末年始休日等）</t>
    <phoneticPr fontId="4"/>
  </si>
  <si>
    <t>サービス提供単位２</t>
    <phoneticPr fontId="4"/>
  </si>
  <si>
    <t>～</t>
    <phoneticPr fontId="4"/>
  </si>
  <si>
    <t>曜日ごとに
異なる場合
記入</t>
    <phoneticPr fontId="4"/>
  </si>
  <si>
    <t>　　　　　営業時間</t>
    <phoneticPr fontId="4"/>
  </si>
  <si>
    <t>その他（年末年始休日等）</t>
    <phoneticPr fontId="4"/>
  </si>
  <si>
    <t>サービス提供単位１</t>
    <phoneticPr fontId="4"/>
  </si>
  <si>
    <t>人</t>
    <rPh sb="0" eb="1">
      <t xml:space="preserve">ニン </t>
    </rPh>
    <phoneticPr fontId="4"/>
  </si>
  <si>
    <t>利用定員（同時利用）</t>
    <rPh sb="0" eb="2">
      <t>リヨウ</t>
    </rPh>
    <rPh sb="2" eb="4">
      <t>テイイン</t>
    </rPh>
    <rPh sb="5" eb="7">
      <t>ドウジ</t>
    </rPh>
    <rPh sb="7" eb="9">
      <t>リヨウ</t>
    </rPh>
    <phoneticPr fontId="4"/>
  </si>
  <si>
    <t>㎡</t>
  </si>
  <si>
    <t>食堂及び機能訓練室の合計面積</t>
  </si>
  <si>
    <t>Email</t>
    <phoneticPr fontId="4"/>
  </si>
  <si>
    <t>FAX番号</t>
    <phoneticPr fontId="4"/>
  </si>
  <si>
    <t>（内線）</t>
    <rPh sb="1" eb="3">
      <t>ナイセン</t>
    </rPh>
    <phoneticPr fontId="4"/>
  </si>
  <si>
    <t>電話番号</t>
  </si>
  <si>
    <t>連絡先</t>
  </si>
  <si>
    <t>町　村</t>
    <rPh sb="0" eb="1">
      <t>マチ</t>
    </rPh>
    <rPh sb="2" eb="3">
      <t>ムラ</t>
    </rPh>
    <phoneticPr fontId="4"/>
  </si>
  <si>
    <t>府　県</t>
    <rPh sb="0" eb="1">
      <t>フ</t>
    </rPh>
    <rPh sb="2" eb="3">
      <t>ケン</t>
    </rPh>
    <phoneticPr fontId="4"/>
  </si>
  <si>
    <t>市　区</t>
    <rPh sb="0" eb="1">
      <t>シ</t>
    </rPh>
    <rPh sb="2" eb="3">
      <t>ク</t>
    </rPh>
    <phoneticPr fontId="4"/>
  </si>
  <si>
    <t>都　道</t>
    <rPh sb="0" eb="1">
      <t>ト</t>
    </rPh>
    <rPh sb="2" eb="3">
      <t>ミチ</t>
    </rPh>
    <phoneticPr fontId="4"/>
  </si>
  <si>
    <t xml:space="preserve">      ）</t>
    <phoneticPr fontId="4"/>
  </si>
  <si>
    <t xml:space="preserve"> －</t>
    <phoneticPr fontId="4"/>
  </si>
  <si>
    <t>（郵便番号</t>
    <phoneticPr fontId="4"/>
  </si>
  <si>
    <t>所在地</t>
    <phoneticPr fontId="4"/>
  </si>
  <si>
    <t>名    称</t>
  </si>
  <si>
    <t>フリガナ</t>
  </si>
  <si>
    <t>事　業　所</t>
    <phoneticPr fontId="4"/>
  </si>
  <si>
    <t>（地域密着型通所介護事業を事業所所在地以外の場所で一部実施する場合）</t>
    <rPh sb="1" eb="6">
      <t>チイキミッチャクガタ</t>
    </rPh>
    <rPh sb="13" eb="15">
      <t>ジギョウ</t>
    </rPh>
    <rPh sb="15" eb="16">
      <t>ショ</t>
    </rPh>
    <rPh sb="16" eb="19">
      <t>ショザイチ</t>
    </rPh>
    <rPh sb="19" eb="21">
      <t>イガイ</t>
    </rPh>
    <rPh sb="22" eb="24">
      <t>バショ</t>
    </rPh>
    <rPh sb="25" eb="27">
      <t>イチブ</t>
    </rPh>
    <rPh sb="27" eb="29">
      <t>ジッシ</t>
    </rPh>
    <rPh sb="31" eb="33">
      <t>バアイ</t>
    </rPh>
    <phoneticPr fontId="4"/>
  </si>
  <si>
    <t>　</t>
    <phoneticPr fontId="4"/>
  </si>
  <si>
    <t>別添のとおり</t>
  </si>
  <si>
    <t>添付書類</t>
    <phoneticPr fontId="4"/>
  </si>
  <si>
    <t>～</t>
    <phoneticPr fontId="4"/>
  </si>
  <si>
    <t>その他（年末年始休日等）</t>
    <phoneticPr fontId="4"/>
  </si>
  <si>
    <t>非常勤（人）</t>
    <phoneticPr fontId="4"/>
  </si>
  <si>
    <t>常  勤（人）</t>
    <phoneticPr fontId="4"/>
  </si>
  <si>
    <t>兼務</t>
    <rPh sb="0" eb="2">
      <t>ケンム</t>
    </rPh>
    <phoneticPr fontId="4"/>
  </si>
  <si>
    <t>専従</t>
    <rPh sb="0" eb="2">
      <t>センジュウ</t>
    </rPh>
    <phoneticPr fontId="4"/>
  </si>
  <si>
    <t>機能訓練指導員</t>
  </si>
  <si>
    <t>介護職員</t>
  </si>
  <si>
    <t>看護職員</t>
  </si>
  <si>
    <t>生活相談員</t>
    <rPh sb="0" eb="2">
      <t>セイカツ</t>
    </rPh>
    <rPh sb="2" eb="5">
      <t>ソウダンイン</t>
    </rPh>
    <phoneticPr fontId="4"/>
  </si>
  <si>
    <t>従業者の職種・員数</t>
  </si>
  <si>
    <t>○人員に関する基準の確認に必要な事項</t>
    <rPh sb="1" eb="18">
      <t>ジ</t>
    </rPh>
    <phoneticPr fontId="4"/>
  </si>
  <si>
    <t>サービス提供単位３</t>
    <rPh sb="4" eb="6">
      <t>テイキョウ</t>
    </rPh>
    <phoneticPr fontId="4"/>
  </si>
  <si>
    <t>　　　　　営業時間</t>
    <phoneticPr fontId="4"/>
  </si>
  <si>
    <t>非常勤（人）</t>
    <phoneticPr fontId="4"/>
  </si>
  <si>
    <t>常  勤（人）</t>
    <phoneticPr fontId="4"/>
  </si>
  <si>
    <t>サービス提供単位２</t>
    <rPh sb="4" eb="6">
      <t>テイキョウ</t>
    </rPh>
    <phoneticPr fontId="4"/>
  </si>
  <si>
    <t>～</t>
    <phoneticPr fontId="4"/>
  </si>
  <si>
    <t>～</t>
    <phoneticPr fontId="4"/>
  </si>
  <si>
    <t>　　　　　営業時間</t>
    <phoneticPr fontId="4"/>
  </si>
  <si>
    <t>その他（年末年始休日等）</t>
    <phoneticPr fontId="4"/>
  </si>
  <si>
    <t>サービス提供単位１</t>
    <rPh sb="4" eb="6">
      <t>テイキョウ</t>
    </rPh>
    <phoneticPr fontId="4"/>
  </si>
  <si>
    <t>共生型サービスの該当有無</t>
    <rPh sb="0" eb="3">
      <t>キョウセイガタ</t>
    </rPh>
    <rPh sb="8" eb="10">
      <t>ガイトウ</t>
    </rPh>
    <rPh sb="10" eb="12">
      <t>ウム</t>
    </rPh>
    <phoneticPr fontId="4"/>
  </si>
  <si>
    <t>兼務する職種
及び勤務時間等</t>
    <phoneticPr fontId="4"/>
  </si>
  <si>
    <t>事業所番号</t>
    <rPh sb="0" eb="3">
      <t>ジギョウショ</t>
    </rPh>
    <rPh sb="3" eb="5">
      <t>バンゴウ</t>
    </rPh>
    <phoneticPr fontId="4"/>
  </si>
  <si>
    <t>名称</t>
  </si>
  <si>
    <t>同一敷地内の他の事業所又は施設の従業者との兼務（兼務の場合のみ記入）</t>
    <phoneticPr fontId="4"/>
  </si>
  <si>
    <t>当該通所介護事業所で兼務する他の職種（兼務の場合のみ記入）</t>
  </si>
  <si>
    <t>生年月日</t>
  </si>
  <si>
    <t>氏  名</t>
    <phoneticPr fontId="4"/>
  </si>
  <si>
    <t xml:space="preserve"> ）</t>
    <phoneticPr fontId="4"/>
  </si>
  <si>
    <t xml:space="preserve">  － </t>
    <phoneticPr fontId="4"/>
  </si>
  <si>
    <t xml:space="preserve">（郵便番号  </t>
    <phoneticPr fontId="4"/>
  </si>
  <si>
    <t>住所</t>
    <phoneticPr fontId="4"/>
  </si>
  <si>
    <t>管　理　者</t>
    <phoneticPr fontId="4"/>
  </si>
  <si>
    <t>Email</t>
    <phoneticPr fontId="4"/>
  </si>
  <si>
    <t>FAX番号</t>
    <phoneticPr fontId="4"/>
  </si>
  <si>
    <t xml:space="preserve">      ）</t>
    <phoneticPr fontId="4"/>
  </si>
  <si>
    <t xml:space="preserve"> －</t>
    <phoneticPr fontId="4"/>
  </si>
  <si>
    <t>法人番号</t>
    <rPh sb="0" eb="2">
      <t>ホウジン</t>
    </rPh>
    <rPh sb="2" eb="4">
      <t>バンゴウ</t>
    </rPh>
    <phoneticPr fontId="4"/>
  </si>
  <si>
    <t>事　業　所</t>
    <phoneticPr fontId="4"/>
  </si>
  <si>
    <t>付表第二号（三）  地域密着型通所介護（療養通所介護）事業所の指定等に係る記載事項</t>
    <rPh sb="33" eb="34">
      <t>トウ</t>
    </rPh>
    <phoneticPr fontId="4"/>
  </si>
  <si>
    <t>～</t>
    <phoneticPr fontId="4"/>
  </si>
  <si>
    <t>曜日ごとに
異なる場合
記入</t>
    <phoneticPr fontId="4"/>
  </si>
  <si>
    <t>　　　　　営業時間</t>
    <phoneticPr fontId="4"/>
  </si>
  <si>
    <t>その他（年末年始休日等）</t>
    <phoneticPr fontId="4"/>
  </si>
  <si>
    <t>サービス提供単位６</t>
    <phoneticPr fontId="4"/>
  </si>
  <si>
    <t>～</t>
    <phoneticPr fontId="4"/>
  </si>
  <si>
    <t>　　　　　営業時間</t>
    <phoneticPr fontId="4"/>
  </si>
  <si>
    <t>サービス提供単位５</t>
    <phoneticPr fontId="4"/>
  </si>
  <si>
    <t>サービス提供単位４</t>
    <phoneticPr fontId="4"/>
  </si>
  <si>
    <t>Email</t>
    <phoneticPr fontId="4"/>
  </si>
  <si>
    <t xml:space="preserve">      ）</t>
    <phoneticPr fontId="4"/>
  </si>
  <si>
    <t xml:space="preserve"> －</t>
    <phoneticPr fontId="4"/>
  </si>
  <si>
    <t>（郵便番号</t>
    <phoneticPr fontId="4"/>
  </si>
  <si>
    <t>所在地</t>
    <phoneticPr fontId="4"/>
  </si>
  <si>
    <t>事　業　所</t>
    <phoneticPr fontId="4"/>
  </si>
  <si>
    <t>■複数事業所又はサービス提供単位４以降</t>
    <rPh sb="1" eb="3">
      <t>フクスウ</t>
    </rPh>
    <rPh sb="3" eb="6">
      <t>ジギョウショ</t>
    </rPh>
    <rPh sb="6" eb="7">
      <t>マタ</t>
    </rPh>
    <rPh sb="12" eb="14">
      <t>テイキョウ</t>
    </rPh>
    <phoneticPr fontId="4"/>
  </si>
  <si>
    <t>常  勤（人）</t>
    <phoneticPr fontId="4"/>
  </si>
  <si>
    <t>サービス提供単位６</t>
    <rPh sb="4" eb="6">
      <t>テイキョウ</t>
    </rPh>
    <phoneticPr fontId="4"/>
  </si>
  <si>
    <t>サービス提供単位５</t>
    <rPh sb="4" eb="6">
      <t>テイキョウ</t>
    </rPh>
    <phoneticPr fontId="4"/>
  </si>
  <si>
    <t>サービス提供単位４</t>
    <rPh sb="4" eb="6">
      <t>テイキョウ</t>
    </rPh>
    <phoneticPr fontId="4"/>
  </si>
  <si>
    <t>■サービス提供単位４以降</t>
    <rPh sb="5" eb="7">
      <t>テイキョウ</t>
    </rPh>
    <phoneticPr fontId="4"/>
  </si>
  <si>
    <t>（参考）  地域密着型通所介護（療養通所介護）事業所の指定等に係る記載事項記入欄不足時の資料</t>
    <rPh sb="6" eb="8">
      <t>チイキ</t>
    </rPh>
    <rPh sb="8" eb="11">
      <t>ミッチャクガタ</t>
    </rPh>
    <rPh sb="29" eb="30">
      <t>トウ</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h:mm;@"/>
    <numFmt numFmtId="177" formatCode="yyyy&quot;年&quot;m&quot;月&quot;d&quot;日&quot;;@"/>
  </numFmts>
  <fonts count="31" x14ac:knownFonts="1">
    <font>
      <sz val="11"/>
      <color theme="1"/>
      <name val="游ゴシック"/>
      <family val="2"/>
      <charset val="128"/>
      <scheme val="minor"/>
    </font>
    <font>
      <sz val="10"/>
      <color rgb="FF000000"/>
      <name val="Times New Roman"/>
      <family val="1"/>
    </font>
    <font>
      <sz val="10"/>
      <color theme="1"/>
      <name val="游ゴシック"/>
      <family val="3"/>
      <charset val="128"/>
      <scheme val="minor"/>
    </font>
    <font>
      <sz val="6"/>
      <name val="游ゴシック"/>
      <family val="2"/>
      <charset val="128"/>
      <scheme val="minor"/>
    </font>
    <font>
      <sz val="6"/>
      <name val="ＭＳ Ｐゴシック"/>
      <family val="3"/>
      <charset val="128"/>
    </font>
    <font>
      <sz val="10.5"/>
      <color theme="1"/>
      <name val="游ゴシック"/>
      <family val="3"/>
      <charset val="128"/>
      <scheme val="minor"/>
    </font>
    <font>
      <sz val="8"/>
      <color theme="1"/>
      <name val="游ゴシック"/>
      <family val="3"/>
      <charset val="128"/>
      <scheme val="minor"/>
    </font>
    <font>
      <sz val="10"/>
      <color theme="1"/>
      <name val="ＭＳ ゴシック"/>
      <family val="3"/>
      <charset val="128"/>
    </font>
    <font>
      <sz val="10.5"/>
      <color theme="1"/>
      <name val="ＭＳ ゴシック"/>
      <family val="3"/>
      <charset val="128"/>
    </font>
    <font>
      <sz val="9"/>
      <color theme="1"/>
      <name val="游ゴシック"/>
      <family val="3"/>
      <charset val="128"/>
      <scheme val="minor"/>
    </font>
    <font>
      <sz val="11"/>
      <name val="ＭＳ Ｐゴシック"/>
      <family val="3"/>
      <charset val="128"/>
    </font>
    <font>
      <sz val="10.5"/>
      <color theme="1"/>
      <name val="ＭＳ Ｐゴシック"/>
      <family val="3"/>
      <charset val="128"/>
    </font>
    <font>
      <sz val="10"/>
      <color theme="1"/>
      <name val="ＭＳ Ｐゴシック"/>
      <family val="3"/>
      <charset val="128"/>
    </font>
    <font>
      <b/>
      <sz val="12"/>
      <color theme="1"/>
      <name val="游ゴシック"/>
      <family val="3"/>
      <charset val="128"/>
      <scheme val="minor"/>
    </font>
    <font>
      <sz val="9"/>
      <color theme="1"/>
      <name val="游ゴシック"/>
      <family val="2"/>
      <charset val="128"/>
      <scheme val="minor"/>
    </font>
    <font>
      <sz val="12"/>
      <color theme="1"/>
      <name val="游ゴシック"/>
      <family val="3"/>
      <charset val="128"/>
      <scheme val="minor"/>
    </font>
    <font>
      <sz val="9"/>
      <color rgb="FF000000"/>
      <name val="Meiryo UI"/>
      <family val="3"/>
      <charset val="128"/>
    </font>
    <font>
      <sz val="10"/>
      <color rgb="FF000000"/>
      <name val="游ゴシック"/>
      <family val="3"/>
      <charset val="128"/>
      <scheme val="minor"/>
    </font>
    <font>
      <sz val="10"/>
      <name val="游ゴシック"/>
      <family val="3"/>
      <charset val="128"/>
      <scheme val="minor"/>
    </font>
    <font>
      <sz val="8"/>
      <name val="游ゴシック"/>
      <family val="3"/>
      <charset val="128"/>
      <scheme val="minor"/>
    </font>
    <font>
      <sz val="10.5"/>
      <name val="游ゴシック"/>
      <family val="3"/>
      <charset val="128"/>
      <scheme val="minor"/>
    </font>
    <font>
      <sz val="10.5"/>
      <color rgb="FF000000"/>
      <name val="游ゴシック"/>
      <family val="3"/>
      <charset val="128"/>
      <scheme val="minor"/>
    </font>
    <font>
      <sz val="10"/>
      <color rgb="FF000000"/>
      <name val="ＭＳ ゴシック"/>
      <family val="3"/>
      <charset val="128"/>
    </font>
    <font>
      <sz val="10"/>
      <name val="ＭＳ ゴシック"/>
      <family val="3"/>
      <charset val="128"/>
    </font>
    <font>
      <sz val="10.5"/>
      <name val="ＭＳ ゴシック"/>
      <family val="3"/>
      <charset val="128"/>
    </font>
    <font>
      <sz val="9"/>
      <name val="游ゴシック"/>
      <family val="3"/>
      <charset val="128"/>
      <scheme val="minor"/>
    </font>
    <font>
      <sz val="10.5"/>
      <name val="ＭＳ Ｐゴシック"/>
      <family val="3"/>
      <charset val="128"/>
    </font>
    <font>
      <sz val="10"/>
      <name val="ＭＳ Ｐゴシック"/>
      <family val="3"/>
      <charset val="128"/>
    </font>
    <font>
      <b/>
      <sz val="10.5"/>
      <name val="游ゴシック"/>
      <family val="3"/>
      <charset val="128"/>
      <scheme val="minor"/>
    </font>
    <font>
      <b/>
      <sz val="12"/>
      <name val="游ゴシック"/>
      <family val="3"/>
      <charset val="128"/>
      <scheme val="minor"/>
    </font>
    <font>
      <sz val="10"/>
      <name val="游ゴシック Light"/>
      <family val="3"/>
      <charset val="128"/>
      <scheme val="major"/>
    </font>
  </fonts>
  <fills count="4">
    <fill>
      <patternFill patternType="none"/>
    </fill>
    <fill>
      <patternFill patternType="gray125"/>
    </fill>
    <fill>
      <patternFill patternType="solid">
        <fgColor theme="0"/>
        <bgColor indexed="64"/>
      </patternFill>
    </fill>
    <fill>
      <patternFill patternType="solid">
        <fgColor theme="0" tint="-0.14999847407452621"/>
        <bgColor indexed="64"/>
      </patternFill>
    </fill>
  </fills>
  <borders count="96">
    <border>
      <left/>
      <right/>
      <top/>
      <bottom/>
      <diagonal/>
    </border>
    <border>
      <left/>
      <right style="medium">
        <color indexed="64"/>
      </right>
      <top/>
      <bottom style="medium">
        <color indexed="64"/>
      </bottom>
      <diagonal/>
    </border>
    <border>
      <left/>
      <right/>
      <top/>
      <bottom style="medium">
        <color indexed="64"/>
      </bottom>
      <diagonal/>
    </border>
    <border>
      <left style="thin">
        <color indexed="64"/>
      </left>
      <right/>
      <top/>
      <bottom style="medium">
        <color indexed="64"/>
      </bottom>
      <diagonal/>
    </border>
    <border>
      <left/>
      <right style="thin">
        <color indexed="64"/>
      </right>
      <top style="medium">
        <color indexed="64"/>
      </top>
      <bottom style="medium">
        <color indexed="64"/>
      </bottom>
      <diagonal/>
    </border>
    <border>
      <left/>
      <right/>
      <top style="medium">
        <color indexed="64"/>
      </top>
      <bottom style="medium">
        <color indexed="64"/>
      </bottom>
      <diagonal/>
    </border>
    <border>
      <left style="medium">
        <color indexed="64"/>
      </left>
      <right/>
      <top style="medium">
        <color indexed="64"/>
      </top>
      <bottom style="medium">
        <color indexed="64"/>
      </bottom>
      <diagonal/>
    </border>
    <border>
      <left/>
      <right style="medium">
        <color indexed="64"/>
      </right>
      <top style="thin">
        <color indexed="64"/>
      </top>
      <bottom style="medium">
        <color indexed="64"/>
      </bottom>
      <diagonal/>
    </border>
    <border>
      <left/>
      <right/>
      <top style="thin">
        <color auto="1"/>
      </top>
      <bottom style="medium">
        <color indexed="64"/>
      </bottom>
      <diagonal/>
    </border>
    <border>
      <left style="thin">
        <color indexed="64"/>
      </left>
      <right/>
      <top style="thin">
        <color indexed="64"/>
      </top>
      <bottom style="medium">
        <color indexed="64"/>
      </bottom>
      <diagonal/>
    </border>
    <border>
      <left/>
      <right style="thin">
        <color indexed="64"/>
      </right>
      <top style="thin">
        <color indexed="64"/>
      </top>
      <bottom style="medium">
        <color indexed="64"/>
      </bottom>
      <diagonal/>
    </border>
    <border>
      <left/>
      <right/>
      <top style="thin">
        <color indexed="64"/>
      </top>
      <bottom/>
      <diagonal/>
    </border>
    <border>
      <left style="thin">
        <color indexed="64"/>
      </left>
      <right/>
      <top style="thin">
        <color indexed="64"/>
      </top>
      <bottom/>
      <diagonal/>
    </border>
    <border>
      <left style="medium">
        <color indexed="64"/>
      </left>
      <right style="thin">
        <color indexed="64"/>
      </right>
      <top/>
      <bottom/>
      <diagonal/>
    </border>
    <border>
      <left/>
      <right style="medium">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rgb="FF000000"/>
      </bottom>
      <diagonal/>
    </border>
    <border>
      <left/>
      <right/>
      <top style="thin">
        <color indexed="64"/>
      </top>
      <bottom style="thin">
        <color rgb="FF000000"/>
      </bottom>
      <diagonal/>
    </border>
    <border>
      <left style="thin">
        <color indexed="64"/>
      </left>
      <right/>
      <top style="thin">
        <color indexed="64"/>
      </top>
      <bottom style="thin">
        <color rgb="FF000000"/>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right/>
      <top/>
      <bottom style="thin">
        <color indexed="64"/>
      </bottom>
      <diagonal/>
    </border>
    <border>
      <left/>
      <right style="thin">
        <color indexed="64"/>
      </right>
      <top/>
      <bottom/>
      <diagonal/>
    </border>
    <border>
      <left style="thin">
        <color indexed="64"/>
      </left>
      <right/>
      <top/>
      <bottom/>
      <diagonal/>
    </border>
    <border>
      <left/>
      <right style="thin">
        <color indexed="64"/>
      </right>
      <top style="thin">
        <color indexed="64"/>
      </top>
      <bottom/>
      <diagonal/>
    </border>
    <border>
      <left style="thin">
        <color rgb="FF000000"/>
      </left>
      <right/>
      <top style="thin">
        <color indexed="64"/>
      </top>
      <bottom style="thin">
        <color indexed="64"/>
      </bottom>
      <diagonal/>
    </border>
    <border>
      <left/>
      <right style="thin">
        <color rgb="FF000000"/>
      </right>
      <top style="thin">
        <color indexed="64"/>
      </top>
      <bottom style="thin">
        <color indexed="64"/>
      </bottom>
      <diagonal/>
    </border>
    <border>
      <left/>
      <right style="thin">
        <color rgb="FF000000"/>
      </right>
      <top/>
      <bottom style="thin">
        <color indexed="64"/>
      </bottom>
      <diagonal/>
    </border>
    <border>
      <left/>
      <right style="thin">
        <color rgb="FF000000"/>
      </right>
      <top/>
      <bottom/>
      <diagonal/>
    </border>
    <border>
      <left/>
      <right style="medium">
        <color indexed="64"/>
      </right>
      <top style="thin">
        <color rgb="FF000000"/>
      </top>
      <bottom style="thin">
        <color indexed="64"/>
      </bottom>
      <diagonal/>
    </border>
    <border>
      <left style="thin">
        <color indexed="64"/>
      </left>
      <right/>
      <top style="thin">
        <color rgb="FF000000"/>
      </top>
      <bottom style="thin">
        <color indexed="64"/>
      </bottom>
      <diagonal/>
    </border>
    <border>
      <left/>
      <right style="thin">
        <color indexed="64"/>
      </right>
      <top style="thin">
        <color rgb="FF000000"/>
      </top>
      <bottom style="thin">
        <color indexed="64"/>
      </bottom>
      <diagonal/>
    </border>
    <border>
      <left style="thin">
        <color rgb="FF000000"/>
      </left>
      <right/>
      <top style="thin">
        <color rgb="FF000000"/>
      </top>
      <bottom style="thin">
        <color indexed="64"/>
      </bottom>
      <diagonal/>
    </border>
    <border>
      <left/>
      <right style="thin">
        <color rgb="FF000000"/>
      </right>
      <top style="thin">
        <color rgb="FF000000"/>
      </top>
      <bottom/>
      <diagonal/>
    </border>
    <border>
      <left/>
      <right/>
      <top style="thin">
        <color rgb="FF000000"/>
      </top>
      <bottom/>
      <diagonal/>
    </border>
    <border>
      <left style="thin">
        <color indexed="64"/>
      </left>
      <right/>
      <top style="thin">
        <color rgb="FF000000"/>
      </top>
      <bottom/>
      <diagonal/>
    </border>
    <border>
      <left/>
      <right style="medium">
        <color indexed="64"/>
      </right>
      <top style="medium">
        <color indexed="64"/>
      </top>
      <bottom style="thin">
        <color rgb="FF000000"/>
      </bottom>
      <diagonal/>
    </border>
    <border>
      <left/>
      <right/>
      <top style="medium">
        <color indexed="64"/>
      </top>
      <bottom style="thin">
        <color rgb="FF000000"/>
      </bottom>
      <diagonal/>
    </border>
    <border>
      <left style="medium">
        <color indexed="64"/>
      </left>
      <right style="thin">
        <color indexed="64"/>
      </right>
      <top style="medium">
        <color indexed="64"/>
      </top>
      <bottom/>
      <diagonal/>
    </border>
    <border>
      <left style="medium">
        <color indexed="64"/>
      </left>
      <right/>
      <top style="thin">
        <color indexed="64"/>
      </top>
      <bottom style="medium">
        <color indexed="64"/>
      </bottom>
      <diagonal/>
    </border>
    <border>
      <left style="medium">
        <color indexed="64"/>
      </left>
      <right/>
      <top style="thin">
        <color indexed="64"/>
      </top>
      <bottom style="thin">
        <color indexed="64"/>
      </bottom>
      <diagonal/>
    </border>
    <border>
      <left/>
      <right style="medium">
        <color indexed="64"/>
      </right>
      <top/>
      <bottom style="thin">
        <color rgb="FF000000"/>
      </bottom>
      <diagonal/>
    </border>
    <border>
      <left/>
      <right/>
      <top/>
      <bottom style="thin">
        <color rgb="FF000000"/>
      </bottom>
      <diagonal/>
    </border>
    <border>
      <left style="thin">
        <color rgb="FF000000"/>
      </left>
      <right/>
      <top/>
      <bottom style="thin">
        <color rgb="FF000000"/>
      </bottom>
      <diagonal/>
    </border>
    <border>
      <left/>
      <right style="thin">
        <color rgb="FF000000"/>
      </right>
      <top style="thin">
        <color rgb="FF000000"/>
      </top>
      <bottom style="thin">
        <color rgb="FF000000"/>
      </bottom>
      <diagonal/>
    </border>
    <border>
      <left style="thin">
        <color rgb="FF000000"/>
      </left>
      <right/>
      <top style="thin">
        <color rgb="FF000000"/>
      </top>
      <bottom style="thin">
        <color rgb="FF000000"/>
      </bottom>
      <diagonal/>
    </border>
    <border>
      <left style="thin">
        <color rgb="FF000000"/>
      </left>
      <right/>
      <top/>
      <bottom style="thin">
        <color indexed="64"/>
      </bottom>
      <diagonal/>
    </border>
    <border>
      <left style="medium">
        <color indexed="64"/>
      </left>
      <right style="thin">
        <color rgb="FF000000"/>
      </right>
      <top/>
      <bottom/>
      <diagonal/>
    </border>
    <border>
      <left/>
      <right style="medium">
        <color indexed="64"/>
      </right>
      <top style="thin">
        <color rgb="FF000000"/>
      </top>
      <bottom style="thin">
        <color rgb="FF000000"/>
      </bottom>
      <diagonal/>
    </border>
    <border>
      <left/>
      <right/>
      <top style="thin">
        <color rgb="FF000000"/>
      </top>
      <bottom style="thin">
        <color rgb="FF000000"/>
      </bottom>
      <diagonal/>
    </border>
    <border>
      <left style="thin">
        <color indexed="64"/>
      </left>
      <right/>
      <top style="thin">
        <color rgb="FF000000"/>
      </top>
      <bottom style="thin">
        <color rgb="FF000000"/>
      </bottom>
      <diagonal/>
    </border>
    <border>
      <left style="thin">
        <color rgb="FF000000"/>
      </left>
      <right/>
      <top style="thin">
        <color rgb="FF000000"/>
      </top>
      <bottom/>
      <diagonal/>
    </border>
    <border>
      <left style="thin">
        <color rgb="FF000000"/>
      </left>
      <right/>
      <top/>
      <bottom/>
      <diagonal/>
    </border>
    <border>
      <left/>
      <right style="thin">
        <color rgb="FF000000"/>
      </right>
      <top/>
      <bottom style="thin">
        <color rgb="FF000000"/>
      </bottom>
      <diagonal/>
    </border>
    <border>
      <left/>
      <right style="medium">
        <color rgb="FF000000"/>
      </right>
      <top/>
      <bottom/>
      <diagonal/>
    </border>
    <border>
      <left/>
      <right style="medium">
        <color indexed="64"/>
      </right>
      <top style="thin">
        <color rgb="FF000000"/>
      </top>
      <bottom/>
      <diagonal/>
    </border>
    <border>
      <left/>
      <right style="thin">
        <color rgb="FF000000"/>
      </right>
      <top style="medium">
        <color indexed="64"/>
      </top>
      <bottom style="thin">
        <color rgb="FF000000"/>
      </bottom>
      <diagonal/>
    </border>
    <border>
      <left style="thin">
        <color rgb="FF000000"/>
      </left>
      <right/>
      <top style="medium">
        <color indexed="64"/>
      </top>
      <bottom style="thin">
        <color rgb="FF000000"/>
      </bottom>
      <diagonal/>
    </border>
    <border>
      <left style="medium">
        <color indexed="64"/>
      </left>
      <right style="thin">
        <color rgb="FF000000"/>
      </right>
      <top style="medium">
        <color indexed="64"/>
      </top>
      <bottom/>
      <diagonal/>
    </border>
    <border>
      <left/>
      <right style="medium">
        <color indexed="64"/>
      </right>
      <top style="medium">
        <color indexed="64"/>
      </top>
      <bottom style="medium">
        <color indexed="64"/>
      </bottom>
      <diagonal/>
    </border>
    <border>
      <left style="thin">
        <color indexed="64"/>
      </left>
      <right/>
      <top style="medium">
        <color indexed="64"/>
      </top>
      <bottom style="medium">
        <color indexed="64"/>
      </bottom>
      <diagonal/>
    </border>
    <border>
      <left style="thin">
        <color indexed="64"/>
      </left>
      <right style="thin">
        <color rgb="FF000000"/>
      </right>
      <top/>
      <bottom style="thin">
        <color rgb="FF000000"/>
      </bottom>
      <diagonal/>
    </border>
    <border>
      <left style="thin">
        <color indexed="64"/>
      </left>
      <right style="thin">
        <color rgb="FF000000"/>
      </right>
      <top/>
      <bottom/>
      <diagonal/>
    </border>
    <border>
      <left/>
      <right style="thin">
        <color indexed="64"/>
      </right>
      <top style="thin">
        <color rgb="FF000000"/>
      </top>
      <bottom/>
      <diagonal/>
    </border>
    <border>
      <left style="thin">
        <color indexed="64"/>
      </left>
      <right/>
      <top/>
      <bottom style="thin">
        <color rgb="FF000000"/>
      </bottom>
      <diagonal/>
    </border>
    <border>
      <left style="thin">
        <color indexed="64"/>
      </left>
      <right/>
      <top style="medium">
        <color indexed="64"/>
      </top>
      <bottom style="thin">
        <color rgb="FF000000"/>
      </bottom>
      <diagonal/>
    </border>
    <border>
      <left style="medium">
        <color indexed="64"/>
      </left>
      <right style="thin">
        <color indexed="64"/>
      </right>
      <top/>
      <bottom style="medium">
        <color indexed="64"/>
      </bottom>
      <diagonal/>
    </border>
    <border>
      <left/>
      <right style="medium">
        <color indexed="64"/>
      </right>
      <top style="dashed">
        <color indexed="64"/>
      </top>
      <bottom/>
      <diagonal/>
    </border>
    <border>
      <left/>
      <right/>
      <top style="dashed">
        <color indexed="64"/>
      </top>
      <bottom/>
      <diagonal/>
    </border>
    <border>
      <left style="thin">
        <color indexed="64"/>
      </left>
      <right/>
      <top style="dashed">
        <color indexed="64"/>
      </top>
      <bottom/>
      <diagonal/>
    </border>
    <border>
      <left/>
      <right style="medium">
        <color indexed="64"/>
      </right>
      <top style="thin">
        <color rgb="FF000000"/>
      </top>
      <bottom style="dashed">
        <color indexed="64"/>
      </bottom>
      <diagonal/>
    </border>
    <border>
      <left/>
      <right/>
      <top style="thin">
        <color rgb="FF000000"/>
      </top>
      <bottom style="dashed">
        <color indexed="64"/>
      </bottom>
      <diagonal/>
    </border>
    <border>
      <left/>
      <right/>
      <top/>
      <bottom style="dashed">
        <color indexed="64"/>
      </bottom>
      <diagonal/>
    </border>
    <border>
      <left style="thin">
        <color indexed="64"/>
      </left>
      <right/>
      <top style="thin">
        <color rgb="FF000000"/>
      </top>
      <bottom style="dashed">
        <color indexed="64"/>
      </bottom>
      <diagonal/>
    </border>
    <border>
      <left style="thin">
        <color indexed="64"/>
      </left>
      <right style="thin">
        <color indexed="64"/>
      </right>
      <top style="thin">
        <color indexed="64"/>
      </top>
      <bottom style="thin">
        <color indexed="64"/>
      </bottom>
      <diagonal/>
    </border>
    <border>
      <left/>
      <right style="thin">
        <color indexed="64"/>
      </right>
      <top style="thin">
        <color rgb="FF000000"/>
      </top>
      <bottom style="thin">
        <color rgb="FF000000"/>
      </bottom>
      <diagonal/>
    </border>
    <border>
      <left/>
      <right style="thin">
        <color indexed="64"/>
      </right>
      <top/>
      <bottom style="thin">
        <color rgb="FF000000"/>
      </bottom>
      <diagonal/>
    </border>
    <border>
      <left/>
      <right style="medium">
        <color indexed="64"/>
      </right>
      <top/>
      <bottom/>
      <diagonal/>
    </border>
    <border>
      <left style="medium">
        <color indexed="64"/>
      </left>
      <right style="thin">
        <color rgb="FF000000"/>
      </right>
      <top style="thin">
        <color rgb="FF000000"/>
      </top>
      <bottom/>
      <diagonal/>
    </border>
    <border>
      <left/>
      <right style="medium">
        <color rgb="FF000000"/>
      </right>
      <top/>
      <bottom style="thin">
        <color rgb="FF000000"/>
      </bottom>
      <diagonal/>
    </border>
    <border>
      <left style="medium">
        <color rgb="FF000000"/>
      </left>
      <right/>
      <top/>
      <bottom style="thin">
        <color rgb="FF000000"/>
      </bottom>
      <diagonal/>
    </border>
    <border>
      <left/>
      <right style="medium">
        <color rgb="FF000000"/>
      </right>
      <top style="thin">
        <color rgb="FF000000"/>
      </top>
      <bottom style="thin">
        <color rgb="FF000000"/>
      </bottom>
      <diagonal/>
    </border>
    <border>
      <left style="medium">
        <color rgb="FF000000"/>
      </left>
      <right/>
      <top/>
      <bottom/>
      <diagonal/>
    </border>
    <border>
      <left/>
      <right style="medium">
        <color rgb="FF000000"/>
      </right>
      <top style="thin">
        <color rgb="FF000000"/>
      </top>
      <bottom/>
      <diagonal/>
    </border>
    <border>
      <left/>
      <right style="medium">
        <color rgb="FF000000"/>
      </right>
      <top style="medium">
        <color rgb="FF000000"/>
      </top>
      <bottom style="thin">
        <color indexed="64"/>
      </bottom>
      <diagonal/>
    </border>
    <border>
      <left/>
      <right/>
      <top style="medium">
        <color rgb="FF000000"/>
      </top>
      <bottom style="thin">
        <color indexed="64"/>
      </bottom>
      <diagonal/>
    </border>
    <border>
      <left style="thin">
        <color indexed="64"/>
      </left>
      <right/>
      <top style="medium">
        <color rgb="FF000000"/>
      </top>
      <bottom style="thin">
        <color indexed="64"/>
      </bottom>
      <diagonal/>
    </border>
    <border>
      <left style="medium">
        <color rgb="FF000000"/>
      </left>
      <right/>
      <top style="medium">
        <color rgb="FF000000"/>
      </top>
      <bottom/>
      <diagonal/>
    </border>
    <border>
      <left/>
      <right style="thin">
        <color indexed="64"/>
      </right>
      <top style="thin">
        <color rgb="FF000000"/>
      </top>
      <bottom style="medium">
        <color indexed="64"/>
      </bottom>
      <diagonal/>
    </border>
    <border>
      <left/>
      <right/>
      <top style="thin">
        <color rgb="FF000000"/>
      </top>
      <bottom style="medium">
        <color indexed="64"/>
      </bottom>
      <diagonal/>
    </border>
    <border>
      <left style="thin">
        <color indexed="64"/>
      </left>
      <right/>
      <top style="thin">
        <color rgb="FF000000"/>
      </top>
      <bottom style="medium">
        <color indexed="64"/>
      </bottom>
      <diagonal/>
    </border>
    <border>
      <left/>
      <right style="medium">
        <color indexed="64"/>
      </right>
      <top/>
      <bottom style="thin">
        <color indexed="64"/>
      </bottom>
      <diagonal/>
    </border>
    <border>
      <left style="medium">
        <color indexed="64"/>
      </left>
      <right/>
      <top/>
      <bottom style="thin">
        <color indexed="64"/>
      </bottom>
      <diagonal/>
    </border>
    <border>
      <left style="medium">
        <color indexed="64"/>
      </left>
      <right style="thin">
        <color rgb="FF000000"/>
      </right>
      <top/>
      <bottom style="thin">
        <color indexed="64"/>
      </bottom>
      <diagonal/>
    </border>
  </borders>
  <cellStyleXfs count="3">
    <xf numFmtId="0" fontId="0" fillId="0" borderId="0">
      <alignment vertical="center"/>
    </xf>
    <xf numFmtId="0" fontId="1" fillId="0" borderId="0"/>
    <xf numFmtId="0" fontId="10" fillId="0" borderId="0"/>
  </cellStyleXfs>
  <cellXfs count="328">
    <xf numFmtId="0" fontId="0" fillId="0" borderId="0" xfId="0">
      <alignment vertical="center"/>
    </xf>
    <xf numFmtId="0" fontId="2" fillId="2" borderId="0" xfId="1" applyFont="1" applyFill="1" applyAlignment="1">
      <alignment horizontal="left" vertical="top"/>
    </xf>
    <xf numFmtId="0" fontId="2" fillId="2" borderId="0" xfId="1" applyFont="1" applyFill="1" applyAlignment="1">
      <alignment horizontal="justify" vertical="top" wrapText="1"/>
    </xf>
    <xf numFmtId="0" fontId="5" fillId="2" borderId="0" xfId="1" applyFont="1" applyFill="1" applyAlignment="1">
      <alignment horizontal="left" vertical="top"/>
    </xf>
    <xf numFmtId="0" fontId="5" fillId="2" borderId="0" xfId="1" applyFont="1" applyFill="1" applyAlignment="1">
      <alignment horizontal="left" vertical="center" wrapText="1"/>
    </xf>
    <xf numFmtId="0" fontId="5" fillId="2" borderId="0" xfId="1" applyFont="1" applyFill="1" applyAlignment="1">
      <alignment horizontal="left" vertical="center" wrapText="1" indent="5"/>
    </xf>
    <xf numFmtId="0" fontId="5" fillId="2" borderId="1" xfId="1" applyFont="1" applyFill="1" applyBorder="1" applyAlignment="1">
      <alignment horizontal="left" vertical="center" wrapText="1"/>
    </xf>
    <xf numFmtId="0" fontId="5" fillId="2" borderId="2" xfId="1" applyFont="1" applyFill="1" applyBorder="1" applyAlignment="1">
      <alignment horizontal="left" vertical="center" wrapText="1"/>
    </xf>
    <xf numFmtId="0" fontId="5" fillId="2" borderId="3" xfId="1" applyFont="1" applyFill="1" applyBorder="1" applyAlignment="1">
      <alignment horizontal="left" vertical="center" wrapText="1"/>
    </xf>
    <xf numFmtId="0" fontId="5" fillId="2" borderId="4" xfId="1" applyFont="1" applyFill="1" applyBorder="1" applyAlignment="1">
      <alignment horizontal="center" vertical="center" wrapText="1"/>
    </xf>
    <xf numFmtId="0" fontId="5" fillId="2" borderId="5" xfId="1" applyFont="1" applyFill="1" applyBorder="1" applyAlignment="1">
      <alignment horizontal="center" vertical="center" wrapText="1"/>
    </xf>
    <xf numFmtId="0" fontId="5" fillId="2" borderId="6" xfId="1" applyFont="1" applyFill="1" applyBorder="1" applyAlignment="1">
      <alignment horizontal="center" vertical="center" wrapText="1"/>
    </xf>
    <xf numFmtId="0" fontId="6" fillId="2" borderId="7" xfId="1" applyFont="1" applyFill="1" applyBorder="1" applyAlignment="1">
      <alignment vertical="center"/>
    </xf>
    <xf numFmtId="176" fontId="5" fillId="2" borderId="8" xfId="1" applyNumberFormat="1" applyFont="1" applyFill="1" applyBorder="1" applyAlignment="1">
      <alignment horizontal="center" vertical="center" wrapText="1"/>
    </xf>
    <xf numFmtId="0" fontId="5" fillId="2" borderId="8" xfId="1" applyFont="1" applyFill="1" applyBorder="1" applyAlignment="1">
      <alignment horizontal="center" vertical="center" wrapText="1"/>
    </xf>
    <xf numFmtId="0" fontId="5" fillId="2" borderId="8" xfId="1" applyFont="1" applyFill="1" applyBorder="1" applyAlignment="1">
      <alignment horizontal="center" vertical="center" wrapText="1"/>
    </xf>
    <xf numFmtId="176" fontId="5" fillId="2" borderId="8" xfId="1" applyNumberFormat="1" applyFont="1" applyFill="1" applyBorder="1" applyAlignment="1">
      <alignment horizontal="center" vertical="center" wrapText="1"/>
    </xf>
    <xf numFmtId="0" fontId="5" fillId="2" borderId="8" xfId="1" applyFont="1" applyFill="1" applyBorder="1" applyAlignment="1">
      <alignment horizontal="right" vertical="center" wrapText="1"/>
    </xf>
    <xf numFmtId="0" fontId="5" fillId="2" borderId="9" xfId="1" applyFont="1" applyFill="1" applyBorder="1" applyAlignment="1">
      <alignment horizontal="right" vertical="center" wrapText="1"/>
    </xf>
    <xf numFmtId="0" fontId="5" fillId="2" borderId="10" xfId="1" applyFont="1" applyFill="1" applyBorder="1" applyAlignment="1">
      <alignment horizontal="center" vertical="center" wrapText="1"/>
    </xf>
    <xf numFmtId="0" fontId="5" fillId="2" borderId="11" xfId="1" applyFont="1" applyFill="1" applyBorder="1" applyAlignment="1">
      <alignment horizontal="center" vertical="center" wrapText="1"/>
    </xf>
    <xf numFmtId="0" fontId="5" fillId="2" borderId="12" xfId="1" applyFont="1" applyFill="1" applyBorder="1" applyAlignment="1">
      <alignment horizontal="center" vertical="center" wrapText="1"/>
    </xf>
    <xf numFmtId="0" fontId="2" fillId="3" borderId="13" xfId="1" applyFont="1" applyFill="1" applyBorder="1" applyAlignment="1">
      <alignment horizontal="center" vertical="center" textRotation="255" wrapText="1"/>
    </xf>
    <xf numFmtId="49" fontId="5" fillId="2" borderId="14" xfId="1" applyNumberFormat="1" applyFont="1" applyFill="1" applyBorder="1" applyAlignment="1">
      <alignment horizontal="left" vertical="center" wrapText="1"/>
    </xf>
    <xf numFmtId="49" fontId="5" fillId="2" borderId="15" xfId="1" applyNumberFormat="1" applyFont="1" applyFill="1" applyBorder="1" applyAlignment="1">
      <alignment horizontal="left" vertical="center" wrapText="1"/>
    </xf>
    <xf numFmtId="0" fontId="5" fillId="2" borderId="11" xfId="1" applyFont="1" applyFill="1" applyBorder="1" applyAlignment="1">
      <alignment horizontal="center" vertical="center" wrapText="1"/>
    </xf>
    <xf numFmtId="49" fontId="5" fillId="2" borderId="15" xfId="1" applyNumberFormat="1" applyFont="1" applyFill="1" applyBorder="1" applyAlignment="1">
      <alignment horizontal="center" vertical="center" wrapText="1"/>
    </xf>
    <xf numFmtId="176" fontId="5" fillId="2" borderId="11" xfId="1" applyNumberFormat="1" applyFont="1" applyFill="1" applyBorder="1" applyAlignment="1">
      <alignment horizontal="center" vertical="center" wrapText="1"/>
    </xf>
    <xf numFmtId="49" fontId="5" fillId="2" borderId="16" xfId="1" applyNumberFormat="1" applyFont="1" applyFill="1" applyBorder="1" applyAlignment="1">
      <alignment horizontal="center" vertical="center" wrapText="1"/>
    </xf>
    <xf numFmtId="0" fontId="5" fillId="2" borderId="17" xfId="1" applyFont="1" applyFill="1" applyBorder="1" applyAlignment="1">
      <alignment horizontal="center" vertical="center" wrapText="1"/>
    </xf>
    <xf numFmtId="0" fontId="5" fillId="2" borderId="18" xfId="1" applyFont="1" applyFill="1" applyBorder="1" applyAlignment="1">
      <alignment horizontal="center" vertical="center" wrapText="1"/>
    </xf>
    <xf numFmtId="0" fontId="5" fillId="2" borderId="19" xfId="1" applyFont="1" applyFill="1" applyBorder="1" applyAlignment="1">
      <alignment horizontal="center" vertical="center" wrapText="1"/>
    </xf>
    <xf numFmtId="0" fontId="5" fillId="2" borderId="15" xfId="1" applyFont="1" applyFill="1" applyBorder="1" applyAlignment="1">
      <alignment horizontal="center" vertical="center" wrapText="1"/>
    </xf>
    <xf numFmtId="176" fontId="5" fillId="2" borderId="15" xfId="1" applyNumberFormat="1" applyFont="1" applyFill="1" applyBorder="1" applyAlignment="1">
      <alignment horizontal="center" vertical="center" wrapText="1"/>
    </xf>
    <xf numFmtId="0" fontId="5" fillId="2" borderId="20" xfId="1" applyFont="1" applyFill="1" applyBorder="1" applyAlignment="1">
      <alignment horizontal="center" vertical="center" wrapText="1"/>
    </xf>
    <xf numFmtId="0" fontId="5" fillId="2" borderId="16" xfId="1" applyFont="1" applyFill="1" applyBorder="1" applyAlignment="1">
      <alignment horizontal="center" vertical="center" wrapText="1"/>
    </xf>
    <xf numFmtId="0" fontId="5" fillId="2" borderId="21" xfId="1" applyFont="1" applyFill="1" applyBorder="1" applyAlignment="1">
      <alignment horizontal="center" vertical="center" wrapText="1"/>
    </xf>
    <xf numFmtId="0" fontId="5" fillId="2" borderId="22" xfId="1" applyFont="1" applyFill="1" applyBorder="1" applyAlignment="1">
      <alignment horizontal="center" vertical="center" wrapText="1"/>
    </xf>
    <xf numFmtId="0" fontId="5" fillId="2" borderId="23" xfId="1" applyFont="1" applyFill="1" applyBorder="1" applyAlignment="1">
      <alignment vertical="center" wrapText="1"/>
    </xf>
    <xf numFmtId="0" fontId="5" fillId="2" borderId="22" xfId="1" applyFont="1" applyFill="1" applyBorder="1" applyAlignment="1">
      <alignment vertical="center" wrapText="1"/>
    </xf>
    <xf numFmtId="0" fontId="5" fillId="2" borderId="24" xfId="1" applyFont="1" applyFill="1" applyBorder="1" applyAlignment="1">
      <alignment horizontal="center" vertical="center" wrapText="1"/>
    </xf>
    <xf numFmtId="0" fontId="5" fillId="2" borderId="25" xfId="1" applyFont="1" applyFill="1" applyBorder="1" applyAlignment="1">
      <alignment horizontal="center" vertical="center" wrapText="1"/>
    </xf>
    <xf numFmtId="0" fontId="5" fillId="2" borderId="0" xfId="1" applyFont="1" applyFill="1" applyAlignment="1">
      <alignment vertical="center" wrapText="1"/>
    </xf>
    <xf numFmtId="0" fontId="5" fillId="2" borderId="25" xfId="1" applyFont="1" applyFill="1" applyBorder="1" applyAlignment="1">
      <alignment vertical="center" wrapText="1"/>
    </xf>
    <xf numFmtId="0" fontId="5" fillId="2" borderId="26" xfId="1" applyFont="1" applyFill="1" applyBorder="1" applyAlignment="1">
      <alignment horizontal="center" vertical="center" wrapText="1"/>
    </xf>
    <xf numFmtId="0" fontId="5" fillId="2" borderId="20" xfId="1" applyFont="1" applyFill="1" applyBorder="1" applyAlignment="1">
      <alignment horizontal="left" vertical="center" wrapText="1"/>
    </xf>
    <xf numFmtId="0" fontId="5" fillId="2" borderId="15" xfId="1" applyFont="1" applyFill="1" applyBorder="1" applyAlignment="1">
      <alignment horizontal="left" vertical="center" wrapText="1"/>
    </xf>
    <xf numFmtId="0" fontId="5" fillId="2" borderId="11" xfId="1" applyFont="1" applyFill="1" applyBorder="1" applyAlignment="1">
      <alignment horizontal="left" vertical="center" wrapText="1"/>
    </xf>
    <xf numFmtId="0" fontId="5" fillId="2" borderId="12" xfId="1" applyFont="1" applyFill="1" applyBorder="1" applyAlignment="1">
      <alignment horizontal="left" vertical="center" wrapText="1"/>
    </xf>
    <xf numFmtId="0" fontId="2" fillId="2" borderId="14" xfId="1" applyFont="1" applyFill="1" applyBorder="1" applyAlignment="1">
      <alignment horizontal="left" vertical="center"/>
    </xf>
    <xf numFmtId="0" fontId="2" fillId="2" borderId="15" xfId="1" applyFont="1" applyFill="1" applyBorder="1" applyAlignment="1">
      <alignment horizontal="left" vertical="center"/>
    </xf>
    <xf numFmtId="0" fontId="2" fillId="2" borderId="27" xfId="1" applyFont="1" applyFill="1" applyBorder="1" applyAlignment="1">
      <alignment horizontal="left" vertical="center"/>
    </xf>
    <xf numFmtId="0" fontId="5" fillId="2" borderId="28" xfId="1" applyFont="1" applyFill="1" applyBorder="1" applyAlignment="1">
      <alignment horizontal="center" vertical="center"/>
    </xf>
    <xf numFmtId="0" fontId="5" fillId="2" borderId="15" xfId="1" applyFont="1" applyFill="1" applyBorder="1" applyAlignment="1">
      <alignment horizontal="center" vertical="center"/>
    </xf>
    <xf numFmtId="0" fontId="5" fillId="2" borderId="27" xfId="1" applyFont="1" applyFill="1" applyBorder="1" applyAlignment="1">
      <alignment horizontal="center" vertical="center"/>
    </xf>
    <xf numFmtId="0" fontId="5" fillId="2" borderId="29" xfId="1" applyFont="1" applyFill="1" applyBorder="1" applyAlignment="1">
      <alignment horizontal="center" vertical="center" wrapText="1"/>
    </xf>
    <xf numFmtId="0" fontId="5" fillId="2" borderId="23" xfId="1" applyFont="1" applyFill="1" applyBorder="1" applyAlignment="1">
      <alignment horizontal="center" vertical="center" wrapText="1"/>
    </xf>
    <xf numFmtId="0" fontId="2" fillId="2" borderId="14" xfId="1" applyFont="1" applyFill="1" applyBorder="1" applyAlignment="1">
      <alignment horizontal="center" vertical="center"/>
    </xf>
    <xf numFmtId="0" fontId="2" fillId="2" borderId="16" xfId="1" applyFont="1" applyFill="1" applyBorder="1" applyAlignment="1">
      <alignment horizontal="center" vertical="center"/>
    </xf>
    <xf numFmtId="0" fontId="2" fillId="2" borderId="20" xfId="1" applyFont="1" applyFill="1" applyBorder="1" applyAlignment="1">
      <alignment horizontal="center" vertical="center"/>
    </xf>
    <xf numFmtId="0" fontId="2" fillId="2" borderId="27" xfId="1" applyFont="1" applyFill="1" applyBorder="1" applyAlignment="1">
      <alignment horizontal="center" vertical="center"/>
    </xf>
    <xf numFmtId="0" fontId="5" fillId="2" borderId="30" xfId="1" applyFont="1" applyFill="1" applyBorder="1" applyAlignment="1">
      <alignment horizontal="center" vertical="center" wrapText="1"/>
    </xf>
    <xf numFmtId="0" fontId="5" fillId="2" borderId="0" xfId="1" applyFont="1" applyFill="1" applyAlignment="1">
      <alignment horizontal="center" vertical="center" wrapText="1"/>
    </xf>
    <xf numFmtId="0" fontId="5" fillId="2" borderId="31" xfId="1" applyFont="1" applyFill="1" applyBorder="1" applyAlignment="1">
      <alignment horizontal="center" vertical="center"/>
    </xf>
    <xf numFmtId="0" fontId="5" fillId="2" borderId="32" xfId="1" applyFont="1" applyFill="1" applyBorder="1" applyAlignment="1">
      <alignment horizontal="center" vertical="center"/>
    </xf>
    <xf numFmtId="0" fontId="5" fillId="2" borderId="33" xfId="1" applyFont="1" applyFill="1" applyBorder="1" applyAlignment="1">
      <alignment horizontal="center" vertical="center"/>
    </xf>
    <xf numFmtId="0" fontId="5" fillId="2" borderId="34" xfId="1" applyFont="1" applyFill="1" applyBorder="1" applyAlignment="1">
      <alignment horizontal="center" vertical="center"/>
    </xf>
    <xf numFmtId="0" fontId="5" fillId="2" borderId="35" xfId="1" applyFont="1" applyFill="1" applyBorder="1" applyAlignment="1">
      <alignment horizontal="center" vertical="center" wrapText="1"/>
    </xf>
    <xf numFmtId="0" fontId="5" fillId="2" borderId="36" xfId="1" applyFont="1" applyFill="1" applyBorder="1" applyAlignment="1">
      <alignment horizontal="center" vertical="center" wrapText="1"/>
    </xf>
    <xf numFmtId="0" fontId="5" fillId="2" borderId="37" xfId="1" applyFont="1" applyFill="1" applyBorder="1" applyAlignment="1">
      <alignment horizontal="center" vertical="center" wrapText="1"/>
    </xf>
    <xf numFmtId="0" fontId="5" fillId="3" borderId="38" xfId="1" applyFont="1" applyFill="1" applyBorder="1" applyAlignment="1">
      <alignment horizontal="left" vertical="center" wrapText="1"/>
    </xf>
    <xf numFmtId="0" fontId="5" fillId="3" borderId="39" xfId="1" applyFont="1" applyFill="1" applyBorder="1" applyAlignment="1">
      <alignment horizontal="left" vertical="center" wrapText="1"/>
    </xf>
    <xf numFmtId="0" fontId="2" fillId="3" borderId="40" xfId="1" applyFont="1" applyFill="1" applyBorder="1" applyAlignment="1">
      <alignment horizontal="center" vertical="center" textRotation="255" wrapText="1"/>
    </xf>
    <xf numFmtId="0" fontId="5" fillId="2" borderId="9" xfId="1" applyFont="1" applyFill="1" applyBorder="1" applyAlignment="1">
      <alignment horizontal="center" vertical="center" wrapText="1"/>
    </xf>
    <xf numFmtId="0" fontId="7" fillId="2" borderId="0" xfId="1" applyFont="1" applyFill="1" applyAlignment="1">
      <alignment horizontal="left" vertical="top"/>
    </xf>
    <xf numFmtId="0" fontId="5" fillId="2" borderId="7" xfId="1" applyFont="1" applyFill="1" applyBorder="1" applyAlignment="1">
      <alignment vertical="center" wrapText="1"/>
    </xf>
    <xf numFmtId="0" fontId="7" fillId="2" borderId="10" xfId="1" applyFont="1" applyFill="1" applyBorder="1" applyAlignment="1">
      <alignment horizontal="center" vertical="center"/>
    </xf>
    <xf numFmtId="0" fontId="8" fillId="2" borderId="8" xfId="1" applyFont="1" applyFill="1" applyBorder="1" applyAlignment="1">
      <alignment horizontal="center" vertical="center" wrapText="1"/>
    </xf>
    <xf numFmtId="0" fontId="8" fillId="2" borderId="9" xfId="1" applyFont="1" applyFill="1" applyBorder="1" applyAlignment="1">
      <alignment horizontal="center" vertical="center" wrapText="1"/>
    </xf>
    <xf numFmtId="0" fontId="8" fillId="2" borderId="10" xfId="1" applyFont="1" applyFill="1" applyBorder="1" applyAlignment="1">
      <alignment horizontal="center" vertical="center" wrapText="1"/>
    </xf>
    <xf numFmtId="0" fontId="8" fillId="2" borderId="41" xfId="1" applyFont="1" applyFill="1" applyBorder="1" applyAlignment="1">
      <alignment horizontal="center" vertical="center" wrapText="1"/>
    </xf>
    <xf numFmtId="0" fontId="5" fillId="3" borderId="14" xfId="1" applyFont="1" applyFill="1" applyBorder="1" applyAlignment="1">
      <alignment horizontal="left" vertical="center" wrapText="1"/>
    </xf>
    <xf numFmtId="0" fontId="5" fillId="3" borderId="15" xfId="1" applyFont="1" applyFill="1" applyBorder="1" applyAlignment="1">
      <alignment horizontal="left" vertical="center" wrapText="1"/>
    </xf>
    <xf numFmtId="0" fontId="5" fillId="3" borderId="42" xfId="1" applyFont="1" applyFill="1" applyBorder="1" applyAlignment="1">
      <alignment horizontal="left" vertical="center" wrapText="1"/>
    </xf>
    <xf numFmtId="49" fontId="5" fillId="2" borderId="43" xfId="1" applyNumberFormat="1" applyFont="1" applyFill="1" applyBorder="1" applyAlignment="1">
      <alignment horizontal="left" vertical="center" wrapText="1"/>
    </xf>
    <xf numFmtId="49" fontId="5" fillId="2" borderId="44" xfId="1" applyNumberFormat="1" applyFont="1" applyFill="1" applyBorder="1" applyAlignment="1">
      <alignment horizontal="left" vertical="center" wrapText="1"/>
    </xf>
    <xf numFmtId="49" fontId="5" fillId="2" borderId="45" xfId="1" applyNumberFormat="1" applyFont="1" applyFill="1" applyBorder="1" applyAlignment="1">
      <alignment horizontal="left" vertical="center" wrapText="1"/>
    </xf>
    <xf numFmtId="0" fontId="5" fillId="2" borderId="46" xfId="1" applyFont="1" applyFill="1" applyBorder="1" applyAlignment="1">
      <alignment horizontal="center" vertical="center" wrapText="1"/>
    </xf>
    <xf numFmtId="0" fontId="5" fillId="2" borderId="47" xfId="1" applyFont="1" applyFill="1" applyBorder="1" applyAlignment="1">
      <alignment horizontal="center" vertical="center" wrapText="1"/>
    </xf>
    <xf numFmtId="0" fontId="5" fillId="2" borderId="48" xfId="1" applyFont="1" applyFill="1" applyBorder="1" applyAlignment="1">
      <alignment horizontal="center" vertical="center" wrapText="1"/>
    </xf>
    <xf numFmtId="0" fontId="5" fillId="2" borderId="49" xfId="1" applyFont="1" applyFill="1" applyBorder="1" applyAlignment="1">
      <alignment horizontal="center" vertical="center" textRotation="255" wrapText="1"/>
    </xf>
    <xf numFmtId="49" fontId="5" fillId="2" borderId="50" xfId="1" applyNumberFormat="1" applyFont="1" applyFill="1" applyBorder="1" applyAlignment="1">
      <alignment horizontal="left" vertical="center" wrapText="1"/>
    </xf>
    <xf numFmtId="49" fontId="5" fillId="2" borderId="51" xfId="1" applyNumberFormat="1" applyFont="1" applyFill="1" applyBorder="1" applyAlignment="1">
      <alignment horizontal="left" vertical="center" wrapText="1"/>
    </xf>
    <xf numFmtId="49" fontId="5" fillId="2" borderId="52" xfId="1" applyNumberFormat="1" applyFont="1" applyFill="1" applyBorder="1" applyAlignment="1">
      <alignment horizontal="left" vertical="center" wrapText="1"/>
    </xf>
    <xf numFmtId="49" fontId="5" fillId="2" borderId="20" xfId="1" applyNumberFormat="1" applyFont="1" applyFill="1" applyBorder="1" applyAlignment="1">
      <alignment horizontal="center" vertical="center" wrapText="1"/>
    </xf>
    <xf numFmtId="49" fontId="9" fillId="2" borderId="15" xfId="1" applyNumberFormat="1" applyFont="1" applyFill="1" applyBorder="1" applyAlignment="1">
      <alignment horizontal="right" vertical="center" wrapText="1"/>
    </xf>
    <xf numFmtId="49" fontId="5" fillId="2" borderId="47" xfId="1" applyNumberFormat="1" applyFont="1" applyFill="1" applyBorder="1" applyAlignment="1">
      <alignment horizontal="left" vertical="center" wrapText="1"/>
    </xf>
    <xf numFmtId="0" fontId="5" fillId="2" borderId="53" xfId="1" applyFont="1" applyFill="1" applyBorder="1" applyAlignment="1">
      <alignment horizontal="center" vertical="center" wrapText="1"/>
    </xf>
    <xf numFmtId="0" fontId="5" fillId="2" borderId="43" xfId="1" applyFont="1" applyFill="1" applyBorder="1" applyAlignment="1">
      <alignment horizontal="left" vertical="center" wrapText="1"/>
    </xf>
    <xf numFmtId="0" fontId="5" fillId="2" borderId="44" xfId="1" applyFont="1" applyFill="1" applyBorder="1" applyAlignment="1">
      <alignment horizontal="left" vertical="center" wrapText="1"/>
    </xf>
    <xf numFmtId="0" fontId="5" fillId="2" borderId="0" xfId="1" applyFont="1" applyFill="1" applyAlignment="1">
      <alignment horizontal="left" vertical="center" wrapText="1"/>
    </xf>
    <xf numFmtId="0" fontId="5" fillId="2" borderId="54" xfId="1" applyFont="1" applyFill="1" applyBorder="1" applyAlignment="1">
      <alignment horizontal="left" vertical="center" wrapText="1"/>
    </xf>
    <xf numFmtId="0" fontId="5" fillId="2" borderId="55" xfId="1" applyFont="1" applyFill="1" applyBorder="1" applyAlignment="1">
      <alignment horizontal="center" vertical="center" wrapText="1"/>
    </xf>
    <xf numFmtId="0" fontId="5" fillId="2" borderId="44" xfId="1" applyFont="1" applyFill="1" applyBorder="1" applyAlignment="1">
      <alignment horizontal="center" vertical="center" wrapText="1"/>
    </xf>
    <xf numFmtId="0" fontId="5" fillId="2" borderId="45" xfId="1" applyFont="1" applyFill="1" applyBorder="1" applyAlignment="1">
      <alignment horizontal="center" vertical="center" wrapText="1"/>
    </xf>
    <xf numFmtId="0" fontId="11" fillId="2" borderId="56" xfId="2" applyFont="1" applyFill="1" applyBorder="1" applyAlignment="1">
      <alignment horizontal="left" vertical="center" wrapText="1"/>
    </xf>
    <xf numFmtId="0" fontId="11" fillId="2" borderId="0" xfId="2" applyFont="1" applyFill="1" applyAlignment="1">
      <alignment horizontal="left" vertical="center" wrapText="1"/>
    </xf>
    <xf numFmtId="0" fontId="12" fillId="2" borderId="0" xfId="2" applyFont="1" applyFill="1" applyAlignment="1">
      <alignment horizontal="center" vertical="center" wrapText="1"/>
    </xf>
    <xf numFmtId="0" fontId="11" fillId="2" borderId="54" xfId="2" applyFont="1" applyFill="1" applyBorder="1" applyAlignment="1">
      <alignment horizontal="left" vertical="center" wrapText="1"/>
    </xf>
    <xf numFmtId="0" fontId="5" fillId="2" borderId="54" xfId="1" applyFont="1" applyFill="1" applyBorder="1" applyAlignment="1">
      <alignment horizontal="center" vertical="center" wrapText="1"/>
    </xf>
    <xf numFmtId="0" fontId="5" fillId="2" borderId="57" xfId="1" applyFont="1" applyFill="1" applyBorder="1" applyAlignment="1">
      <alignment horizontal="center" vertical="center" wrapText="1"/>
    </xf>
    <xf numFmtId="0" fontId="5" fillId="2" borderId="36" xfId="1" applyFont="1" applyFill="1" applyBorder="1" applyAlignment="1">
      <alignment horizontal="center" vertical="center" wrapText="1"/>
    </xf>
    <xf numFmtId="49" fontId="5" fillId="2" borderId="36" xfId="1" applyNumberFormat="1" applyFont="1" applyFill="1" applyBorder="1" applyAlignment="1">
      <alignment horizontal="center" vertical="center" wrapText="1"/>
    </xf>
    <xf numFmtId="0" fontId="5" fillId="2" borderId="50" xfId="1" applyFont="1" applyFill="1" applyBorder="1" applyAlignment="1">
      <alignment horizontal="left" vertical="center" wrapText="1"/>
    </xf>
    <xf numFmtId="0" fontId="5" fillId="2" borderId="51" xfId="1" applyFont="1" applyFill="1" applyBorder="1" applyAlignment="1">
      <alignment horizontal="left" vertical="center" wrapText="1"/>
    </xf>
    <xf numFmtId="0" fontId="5" fillId="2" borderId="51" xfId="1" applyFont="1" applyFill="1" applyBorder="1" applyAlignment="1">
      <alignment horizontal="center" vertical="center" wrapText="1"/>
    </xf>
    <xf numFmtId="0" fontId="5" fillId="2" borderId="38" xfId="1" applyFont="1" applyFill="1" applyBorder="1" applyAlignment="1">
      <alignment horizontal="left" vertical="center" wrapText="1"/>
    </xf>
    <xf numFmtId="0" fontId="5" fillId="2" borderId="39" xfId="1" applyFont="1" applyFill="1" applyBorder="1" applyAlignment="1">
      <alignment horizontal="left" vertical="center" wrapText="1"/>
    </xf>
    <xf numFmtId="0" fontId="5" fillId="2" borderId="58" xfId="1" applyFont="1" applyFill="1" applyBorder="1" applyAlignment="1">
      <alignment horizontal="center" vertical="center" wrapText="1"/>
    </xf>
    <xf numFmtId="0" fontId="5" fillId="2" borderId="39" xfId="1" applyFont="1" applyFill="1" applyBorder="1" applyAlignment="1">
      <alignment horizontal="center" vertical="center" wrapText="1"/>
    </xf>
    <xf numFmtId="0" fontId="5" fillId="2" borderId="59" xfId="1" applyFont="1" applyFill="1" applyBorder="1" applyAlignment="1">
      <alignment horizontal="center" vertical="center" wrapText="1"/>
    </xf>
    <xf numFmtId="0" fontId="5" fillId="2" borderId="60" xfId="1" applyFont="1" applyFill="1" applyBorder="1" applyAlignment="1">
      <alignment horizontal="center" vertical="center" textRotation="255" wrapText="1"/>
    </xf>
    <xf numFmtId="0" fontId="13" fillId="2" borderId="0" xfId="1" applyFont="1" applyFill="1" applyAlignment="1">
      <alignment horizontal="left" vertical="top" wrapText="1"/>
    </xf>
    <xf numFmtId="0" fontId="5" fillId="2" borderId="61" xfId="1" applyFont="1" applyFill="1" applyBorder="1" applyAlignment="1">
      <alignment horizontal="left" vertical="center" wrapText="1"/>
    </xf>
    <xf numFmtId="0" fontId="5" fillId="2" borderId="5" xfId="1" applyFont="1" applyFill="1" applyBorder="1" applyAlignment="1">
      <alignment horizontal="left" vertical="center" wrapText="1"/>
    </xf>
    <xf numFmtId="0" fontId="5" fillId="2" borderId="62" xfId="1" applyFont="1" applyFill="1" applyBorder="1" applyAlignment="1">
      <alignment horizontal="left" vertical="center" wrapText="1"/>
    </xf>
    <xf numFmtId="0" fontId="5" fillId="3" borderId="13" xfId="1" applyFont="1" applyFill="1" applyBorder="1" applyAlignment="1">
      <alignment horizontal="center" vertical="center" textRotation="255" wrapText="1"/>
    </xf>
    <xf numFmtId="0" fontId="5" fillId="3" borderId="43" xfId="1" applyFont="1" applyFill="1" applyBorder="1" applyAlignment="1">
      <alignment horizontal="left" vertical="center" wrapText="1"/>
    </xf>
    <xf numFmtId="0" fontId="5" fillId="3" borderId="44" xfId="1" applyFont="1" applyFill="1" applyBorder="1" applyAlignment="1">
      <alignment horizontal="left" vertical="center" wrapText="1"/>
    </xf>
    <xf numFmtId="0" fontId="5" fillId="2" borderId="50" xfId="1" applyFont="1" applyFill="1" applyBorder="1" applyAlignment="1">
      <alignment horizontal="center" vertical="center" wrapText="1"/>
    </xf>
    <xf numFmtId="0" fontId="5" fillId="2" borderId="63" xfId="1" applyFont="1" applyFill="1" applyBorder="1" applyAlignment="1">
      <alignment vertical="center" wrapText="1"/>
    </xf>
    <xf numFmtId="0" fontId="5" fillId="2" borderId="64" xfId="1" applyFont="1" applyFill="1" applyBorder="1" applyAlignment="1">
      <alignment vertical="center" wrapText="1"/>
    </xf>
    <xf numFmtId="0" fontId="5" fillId="2" borderId="65" xfId="1" applyFont="1" applyFill="1" applyBorder="1" applyAlignment="1">
      <alignment horizontal="center" vertical="center" wrapText="1"/>
    </xf>
    <xf numFmtId="0" fontId="5" fillId="3" borderId="40" xfId="1" applyFont="1" applyFill="1" applyBorder="1" applyAlignment="1">
      <alignment horizontal="center" vertical="center" textRotation="255" wrapText="1"/>
    </xf>
    <xf numFmtId="0" fontId="5" fillId="3" borderId="66" xfId="1" applyFont="1" applyFill="1" applyBorder="1" applyAlignment="1">
      <alignment horizontal="left" vertical="center" wrapText="1"/>
    </xf>
    <xf numFmtId="0" fontId="5" fillId="3" borderId="67" xfId="1" applyFont="1" applyFill="1" applyBorder="1" applyAlignment="1">
      <alignment horizontal="left" vertical="center" wrapText="1"/>
    </xf>
    <xf numFmtId="0" fontId="5" fillId="3" borderId="68" xfId="1" applyFont="1" applyFill="1" applyBorder="1" applyAlignment="1">
      <alignment horizontal="center" vertical="center" textRotation="255" wrapText="1"/>
    </xf>
    <xf numFmtId="0" fontId="7" fillId="2" borderId="7" xfId="1" applyFont="1" applyFill="1" applyBorder="1" applyAlignment="1">
      <alignment horizontal="center" vertical="center"/>
    </xf>
    <xf numFmtId="0" fontId="7" fillId="2" borderId="8" xfId="1" applyFont="1" applyFill="1" applyBorder="1" applyAlignment="1">
      <alignment horizontal="center" vertical="center"/>
    </xf>
    <xf numFmtId="0" fontId="5" fillId="2" borderId="69" xfId="1" applyFont="1" applyFill="1" applyBorder="1" applyAlignment="1">
      <alignment horizontal="left" vertical="center" wrapText="1"/>
    </xf>
    <xf numFmtId="0" fontId="5" fillId="2" borderId="70" xfId="1" applyFont="1" applyFill="1" applyBorder="1" applyAlignment="1">
      <alignment horizontal="left" vertical="center" wrapText="1"/>
    </xf>
    <xf numFmtId="0" fontId="5" fillId="2" borderId="71" xfId="1" applyFont="1" applyFill="1" applyBorder="1" applyAlignment="1">
      <alignment horizontal="left" vertical="center" wrapText="1"/>
    </xf>
    <xf numFmtId="0" fontId="5" fillId="2" borderId="72" xfId="1" applyFont="1" applyFill="1" applyBorder="1" applyAlignment="1">
      <alignment horizontal="left" vertical="center"/>
    </xf>
    <xf numFmtId="0" fontId="5" fillId="2" borderId="73" xfId="1" applyFont="1" applyFill="1" applyBorder="1" applyAlignment="1">
      <alignment horizontal="left" vertical="center"/>
    </xf>
    <xf numFmtId="0" fontId="5" fillId="2" borderId="74" xfId="1" applyFont="1" applyFill="1" applyBorder="1" applyAlignment="1">
      <alignment horizontal="left" vertical="center"/>
    </xf>
    <xf numFmtId="0" fontId="5" fillId="2" borderId="75" xfId="1" applyFont="1" applyFill="1" applyBorder="1" applyAlignment="1">
      <alignment horizontal="left" vertical="center"/>
    </xf>
    <xf numFmtId="0" fontId="5" fillId="2" borderId="76" xfId="1" applyFont="1" applyFill="1" applyBorder="1" applyAlignment="1">
      <alignment horizontal="center" vertical="center" shrinkToFit="1"/>
    </xf>
    <xf numFmtId="0" fontId="5" fillId="2" borderId="77" xfId="1" applyFont="1" applyFill="1" applyBorder="1" applyAlignment="1">
      <alignment horizontal="left" vertical="center" wrapText="1"/>
    </xf>
    <xf numFmtId="0" fontId="5" fillId="2" borderId="52" xfId="1" applyFont="1" applyFill="1" applyBorder="1" applyAlignment="1">
      <alignment horizontal="left" vertical="center" wrapText="1"/>
    </xf>
    <xf numFmtId="0" fontId="5" fillId="2" borderId="77" xfId="1" applyFont="1" applyFill="1" applyBorder="1" applyAlignment="1">
      <alignment horizontal="center" vertical="center" wrapText="1"/>
    </xf>
    <xf numFmtId="0" fontId="5" fillId="2" borderId="52" xfId="1" applyFont="1" applyFill="1" applyBorder="1" applyAlignment="1">
      <alignment horizontal="center" vertical="center" wrapText="1"/>
    </xf>
    <xf numFmtId="0" fontId="5" fillId="2" borderId="36" xfId="1" applyFont="1" applyFill="1" applyBorder="1" applyAlignment="1">
      <alignment horizontal="left" vertical="center" wrapText="1"/>
    </xf>
    <xf numFmtId="0" fontId="5" fillId="2" borderId="53" xfId="1" applyFont="1" applyFill="1" applyBorder="1" applyAlignment="1">
      <alignment horizontal="left" vertical="center" wrapText="1"/>
    </xf>
    <xf numFmtId="0" fontId="5" fillId="2" borderId="51" xfId="1" applyFont="1" applyFill="1" applyBorder="1" applyAlignment="1">
      <alignment horizontal="center" vertical="center" shrinkToFit="1"/>
    </xf>
    <xf numFmtId="0" fontId="5" fillId="2" borderId="47" xfId="1" applyFont="1" applyFill="1" applyBorder="1" applyAlignment="1">
      <alignment horizontal="center" vertical="center" shrinkToFit="1"/>
    </xf>
    <xf numFmtId="0" fontId="5" fillId="2" borderId="78" xfId="1" applyFont="1" applyFill="1" applyBorder="1" applyAlignment="1">
      <alignment horizontal="center" vertical="center" wrapText="1"/>
    </xf>
    <xf numFmtId="177" fontId="5" fillId="2" borderId="46" xfId="1" applyNumberFormat="1" applyFont="1" applyFill="1" applyBorder="1" applyAlignment="1">
      <alignment horizontal="left" vertical="center" wrapText="1" indent="1"/>
    </xf>
    <xf numFmtId="177" fontId="5" fillId="2" borderId="51" xfId="1" applyNumberFormat="1" applyFont="1" applyFill="1" applyBorder="1" applyAlignment="1">
      <alignment horizontal="left" vertical="center" wrapText="1" indent="1"/>
    </xf>
    <xf numFmtId="0" fontId="5" fillId="2" borderId="46" xfId="1" applyFont="1" applyFill="1" applyBorder="1" applyAlignment="1">
      <alignment horizontal="center" vertical="center" shrinkToFit="1"/>
    </xf>
    <xf numFmtId="0" fontId="5" fillId="2" borderId="79" xfId="1" applyFont="1" applyFill="1" applyBorder="1" applyAlignment="1">
      <alignment horizontal="left" vertical="center" wrapText="1"/>
    </xf>
    <xf numFmtId="0" fontId="5" fillId="2" borderId="46" xfId="1" applyFont="1" applyFill="1" applyBorder="1" applyAlignment="1">
      <alignment horizontal="left" vertical="center" wrapText="1"/>
    </xf>
    <xf numFmtId="0" fontId="14" fillId="2" borderId="57" xfId="1" applyFont="1" applyFill="1" applyBorder="1" applyAlignment="1">
      <alignment horizontal="left" vertical="center" wrapText="1"/>
    </xf>
    <xf numFmtId="0" fontId="14" fillId="2" borderId="36" xfId="1" applyFont="1" applyFill="1" applyBorder="1" applyAlignment="1">
      <alignment horizontal="left" vertical="center" wrapText="1"/>
    </xf>
    <xf numFmtId="49" fontId="14" fillId="2" borderId="36" xfId="1" applyNumberFormat="1" applyFont="1" applyFill="1" applyBorder="1" applyAlignment="1">
      <alignment horizontal="center" vertical="center" wrapText="1"/>
    </xf>
    <xf numFmtId="0" fontId="14" fillId="2" borderId="36" xfId="1" applyFont="1" applyFill="1" applyBorder="1" applyAlignment="1">
      <alignment horizontal="center" vertical="center" wrapText="1"/>
    </xf>
    <xf numFmtId="49" fontId="5" fillId="2" borderId="0" xfId="1" applyNumberFormat="1" applyFont="1" applyFill="1" applyAlignment="1">
      <alignment horizontal="center" vertical="center"/>
    </xf>
    <xf numFmtId="0" fontId="9" fillId="2" borderId="36" xfId="1" applyFont="1" applyFill="1" applyBorder="1" applyAlignment="1">
      <alignment horizontal="center" vertical="center" wrapText="1"/>
    </xf>
    <xf numFmtId="0" fontId="5" fillId="2" borderId="80" xfId="1" applyFont="1" applyFill="1" applyBorder="1" applyAlignment="1">
      <alignment horizontal="center" vertical="center" textRotation="255" wrapText="1"/>
    </xf>
    <xf numFmtId="49" fontId="5" fillId="2" borderId="81" xfId="1" applyNumberFormat="1" applyFont="1" applyFill="1" applyBorder="1" applyAlignment="1">
      <alignment horizontal="left" vertical="center" wrapText="1"/>
    </xf>
    <xf numFmtId="0" fontId="5" fillId="2" borderId="82" xfId="1" applyFont="1" applyFill="1" applyBorder="1" applyAlignment="1">
      <alignment horizontal="center" vertical="center" textRotation="255" wrapText="1"/>
    </xf>
    <xf numFmtId="49" fontId="5" fillId="2" borderId="83" xfId="1" applyNumberFormat="1" applyFont="1" applyFill="1" applyBorder="1" applyAlignment="1">
      <alignment horizontal="left" vertical="center" wrapText="1"/>
    </xf>
    <xf numFmtId="0" fontId="5" fillId="2" borderId="84" xfId="1" applyFont="1" applyFill="1" applyBorder="1" applyAlignment="1">
      <alignment horizontal="center" vertical="center" textRotation="255" wrapText="1"/>
    </xf>
    <xf numFmtId="0" fontId="5" fillId="2" borderId="81" xfId="1" applyFont="1" applyFill="1" applyBorder="1" applyAlignment="1">
      <alignment horizontal="left" vertical="center" wrapText="1"/>
    </xf>
    <xf numFmtId="0" fontId="5" fillId="2" borderId="0" xfId="1" applyFont="1" applyFill="1" applyBorder="1" applyAlignment="1">
      <alignment horizontal="left" vertical="center" wrapText="1"/>
    </xf>
    <xf numFmtId="0" fontId="5" fillId="2" borderId="45" xfId="1" applyFont="1" applyFill="1" applyBorder="1" applyAlignment="1">
      <alignment horizontal="left" vertical="center" wrapText="1"/>
    </xf>
    <xf numFmtId="0" fontId="12" fillId="2" borderId="0" xfId="2" applyFont="1" applyFill="1" applyAlignment="1">
      <alignment horizontal="left" vertical="center" wrapText="1"/>
    </xf>
    <xf numFmtId="0" fontId="11" fillId="2" borderId="0" xfId="2" applyFont="1" applyFill="1" applyBorder="1" applyAlignment="1">
      <alignment horizontal="left" vertical="center" wrapText="1"/>
    </xf>
    <xf numFmtId="0" fontId="12" fillId="2" borderId="0" xfId="2" applyFont="1" applyFill="1" applyBorder="1" applyAlignment="1">
      <alignment horizontal="center" vertical="center" wrapText="1"/>
    </xf>
    <xf numFmtId="0" fontId="5" fillId="2" borderId="0" xfId="1" applyFont="1" applyFill="1" applyBorder="1" applyAlignment="1">
      <alignment horizontal="center" vertical="center" wrapText="1"/>
    </xf>
    <xf numFmtId="0" fontId="5" fillId="2" borderId="85" xfId="1" applyFont="1" applyFill="1" applyBorder="1" applyAlignment="1">
      <alignment horizontal="center" vertical="center" wrapText="1"/>
    </xf>
    <xf numFmtId="0" fontId="5" fillId="2" borderId="83" xfId="1" applyFont="1" applyFill="1" applyBorder="1" applyAlignment="1">
      <alignment horizontal="left" vertical="center" wrapText="1"/>
    </xf>
    <xf numFmtId="0" fontId="5" fillId="2" borderId="47" xfId="1" applyFont="1" applyFill="1" applyBorder="1" applyAlignment="1">
      <alignment horizontal="left" vertical="center" wrapText="1"/>
    </xf>
    <xf numFmtId="0" fontId="15" fillId="2" borderId="86" xfId="1" applyFont="1" applyFill="1" applyBorder="1" applyAlignment="1">
      <alignment horizontal="left" vertical="top"/>
    </xf>
    <xf numFmtId="0" fontId="15" fillId="2" borderId="87" xfId="1" applyFont="1" applyFill="1" applyBorder="1" applyAlignment="1">
      <alignment horizontal="left" vertical="top"/>
    </xf>
    <xf numFmtId="0" fontId="15" fillId="2" borderId="88" xfId="1" applyFont="1" applyFill="1" applyBorder="1" applyAlignment="1">
      <alignment horizontal="left" vertical="top"/>
    </xf>
    <xf numFmtId="0" fontId="5" fillId="2" borderId="87" xfId="1" applyFont="1" applyFill="1" applyBorder="1" applyAlignment="1">
      <alignment horizontal="center" vertical="center"/>
    </xf>
    <xf numFmtId="0" fontId="5" fillId="2" borderId="88" xfId="1" applyFont="1" applyFill="1" applyBorder="1" applyAlignment="1">
      <alignment horizontal="center" vertical="center"/>
    </xf>
    <xf numFmtId="0" fontId="5" fillId="2" borderId="89" xfId="1" applyFont="1" applyFill="1" applyBorder="1" applyAlignment="1">
      <alignment horizontal="center" vertical="center" textRotation="255" wrapText="1"/>
    </xf>
    <xf numFmtId="0" fontId="13" fillId="2" borderId="0" xfId="1" applyFont="1" applyFill="1" applyAlignment="1">
      <alignment horizontal="left" vertical="top"/>
    </xf>
    <xf numFmtId="0" fontId="17" fillId="2" borderId="0" xfId="1" applyFont="1" applyFill="1" applyAlignment="1">
      <alignment horizontal="left" vertical="top"/>
    </xf>
    <xf numFmtId="0" fontId="18" fillId="2" borderId="0" xfId="1" applyFont="1" applyFill="1" applyAlignment="1">
      <alignment horizontal="left" vertical="top"/>
    </xf>
    <xf numFmtId="0" fontId="19" fillId="2" borderId="7" xfId="1" applyFont="1" applyFill="1" applyBorder="1" applyAlignment="1">
      <alignment vertical="center"/>
    </xf>
    <xf numFmtId="176" fontId="20" fillId="2" borderId="8" xfId="1" applyNumberFormat="1" applyFont="1" applyFill="1" applyBorder="1" applyAlignment="1">
      <alignment horizontal="center" vertical="center" wrapText="1"/>
    </xf>
    <xf numFmtId="0" fontId="20" fillId="2" borderId="8" xfId="1" applyFont="1" applyFill="1" applyBorder="1" applyAlignment="1">
      <alignment horizontal="center" vertical="center" wrapText="1"/>
    </xf>
    <xf numFmtId="0" fontId="20" fillId="2" borderId="8" xfId="1" applyFont="1" applyFill="1" applyBorder="1" applyAlignment="1">
      <alignment horizontal="center" vertical="center" wrapText="1"/>
    </xf>
    <xf numFmtId="176" fontId="20" fillId="2" borderId="8" xfId="1" applyNumberFormat="1" applyFont="1" applyFill="1" applyBorder="1" applyAlignment="1">
      <alignment horizontal="center" vertical="center" wrapText="1"/>
    </xf>
    <xf numFmtId="0" fontId="20" fillId="2" borderId="8" xfId="1" applyFont="1" applyFill="1" applyBorder="1" applyAlignment="1">
      <alignment horizontal="right" vertical="center" wrapText="1"/>
    </xf>
    <xf numFmtId="0" fontId="20" fillId="2" borderId="9" xfId="1" applyFont="1" applyFill="1" applyBorder="1" applyAlignment="1">
      <alignment horizontal="right" vertical="center" wrapText="1"/>
    </xf>
    <xf numFmtId="0" fontId="20" fillId="2" borderId="90" xfId="1" applyFont="1" applyFill="1" applyBorder="1" applyAlignment="1">
      <alignment horizontal="center" vertical="center" wrapText="1"/>
    </xf>
    <xf numFmtId="0" fontId="20" fillId="2" borderId="91" xfId="1" applyFont="1" applyFill="1" applyBorder="1" applyAlignment="1">
      <alignment horizontal="center" vertical="center" wrapText="1"/>
    </xf>
    <xf numFmtId="0" fontId="20" fillId="2" borderId="92" xfId="1" applyFont="1" applyFill="1" applyBorder="1" applyAlignment="1">
      <alignment horizontal="center" vertical="center" wrapText="1"/>
    </xf>
    <xf numFmtId="0" fontId="18" fillId="3" borderId="68" xfId="1" applyFont="1" applyFill="1" applyBorder="1" applyAlignment="1">
      <alignment horizontal="center" vertical="center" textRotation="255" wrapText="1"/>
    </xf>
    <xf numFmtId="49" fontId="20" fillId="2" borderId="14" xfId="1" applyNumberFormat="1" applyFont="1" applyFill="1" applyBorder="1" applyAlignment="1">
      <alignment horizontal="left" vertical="center" wrapText="1"/>
    </xf>
    <xf numFmtId="49" fontId="20" fillId="2" borderId="15" xfId="1" applyNumberFormat="1" applyFont="1" applyFill="1" applyBorder="1" applyAlignment="1">
      <alignment horizontal="left" vertical="center" wrapText="1"/>
    </xf>
    <xf numFmtId="0" fontId="20" fillId="2" borderId="11" xfId="1" applyFont="1" applyFill="1" applyBorder="1" applyAlignment="1">
      <alignment horizontal="center" vertical="center" wrapText="1"/>
    </xf>
    <xf numFmtId="49" fontId="20" fillId="2" borderId="15" xfId="1" applyNumberFormat="1" applyFont="1" applyFill="1" applyBorder="1" applyAlignment="1">
      <alignment horizontal="center" vertical="center" wrapText="1"/>
    </xf>
    <xf numFmtId="176" fontId="20" fillId="2" borderId="11" xfId="1" applyNumberFormat="1" applyFont="1" applyFill="1" applyBorder="1" applyAlignment="1">
      <alignment horizontal="center" vertical="center" wrapText="1"/>
    </xf>
    <xf numFmtId="49" fontId="20" fillId="2" borderId="16" xfId="1" applyNumberFormat="1" applyFont="1" applyFill="1" applyBorder="1" applyAlignment="1">
      <alignment horizontal="center" vertical="center" wrapText="1"/>
    </xf>
    <xf numFmtId="0" fontId="20" fillId="2" borderId="17" xfId="1" applyFont="1" applyFill="1" applyBorder="1" applyAlignment="1">
      <alignment horizontal="center" vertical="center" wrapText="1"/>
    </xf>
    <xf numFmtId="0" fontId="20" fillId="2" borderId="18" xfId="1" applyFont="1" applyFill="1" applyBorder="1" applyAlignment="1">
      <alignment horizontal="center" vertical="center" wrapText="1"/>
    </xf>
    <xf numFmtId="0" fontId="20" fillId="2" borderId="19" xfId="1" applyFont="1" applyFill="1" applyBorder="1" applyAlignment="1">
      <alignment horizontal="center" vertical="center" wrapText="1"/>
    </xf>
    <xf numFmtId="0" fontId="18" fillId="3" borderId="13" xfId="1" applyFont="1" applyFill="1" applyBorder="1" applyAlignment="1">
      <alignment horizontal="center" vertical="center" textRotation="255" wrapText="1"/>
    </xf>
    <xf numFmtId="0" fontId="20" fillId="2" borderId="15" xfId="1" applyFont="1" applyFill="1" applyBorder="1" applyAlignment="1">
      <alignment horizontal="center" vertical="center" wrapText="1"/>
    </xf>
    <xf numFmtId="176" fontId="20" fillId="2" borderId="15" xfId="1" applyNumberFormat="1" applyFont="1" applyFill="1" applyBorder="1" applyAlignment="1">
      <alignment horizontal="center" vertical="center" wrapText="1"/>
    </xf>
    <xf numFmtId="0" fontId="20" fillId="2" borderId="20" xfId="1" applyFont="1" applyFill="1" applyBorder="1" applyAlignment="1">
      <alignment horizontal="center" vertical="center" wrapText="1"/>
    </xf>
    <xf numFmtId="0" fontId="20" fillId="2" borderId="16" xfId="1" applyFont="1" applyFill="1" applyBorder="1" applyAlignment="1">
      <alignment horizontal="center" vertical="center" wrapText="1"/>
    </xf>
    <xf numFmtId="0" fontId="20" fillId="2" borderId="21" xfId="1" applyFont="1" applyFill="1" applyBorder="1" applyAlignment="1">
      <alignment horizontal="center" vertical="center" wrapText="1"/>
    </xf>
    <xf numFmtId="0" fontId="20" fillId="2" borderId="22" xfId="1" applyFont="1" applyFill="1" applyBorder="1" applyAlignment="1">
      <alignment horizontal="center" vertical="center" wrapText="1"/>
    </xf>
    <xf numFmtId="0" fontId="20" fillId="2" borderId="23" xfId="1" applyFont="1" applyFill="1" applyBorder="1" applyAlignment="1">
      <alignment vertical="center" wrapText="1"/>
    </xf>
    <xf numFmtId="0" fontId="20" fillId="2" borderId="22" xfId="1" applyFont="1" applyFill="1" applyBorder="1" applyAlignment="1">
      <alignment vertical="center" wrapText="1"/>
    </xf>
    <xf numFmtId="0" fontId="20" fillId="2" borderId="24" xfId="1" applyFont="1" applyFill="1" applyBorder="1" applyAlignment="1">
      <alignment horizontal="center" vertical="center" wrapText="1"/>
    </xf>
    <xf numFmtId="0" fontId="20" fillId="2" borderId="25" xfId="1" applyFont="1" applyFill="1" applyBorder="1" applyAlignment="1">
      <alignment horizontal="center" vertical="center" wrapText="1"/>
    </xf>
    <xf numFmtId="0" fontId="20" fillId="2" borderId="0" xfId="1" applyFont="1" applyFill="1" applyAlignment="1">
      <alignment vertical="center" wrapText="1"/>
    </xf>
    <xf numFmtId="0" fontId="20" fillId="2" borderId="25" xfId="1" applyFont="1" applyFill="1" applyBorder="1" applyAlignment="1">
      <alignment vertical="center" wrapText="1"/>
    </xf>
    <xf numFmtId="0" fontId="20" fillId="2" borderId="26" xfId="1" applyFont="1" applyFill="1" applyBorder="1" applyAlignment="1">
      <alignment horizontal="center" vertical="center" wrapText="1"/>
    </xf>
    <xf numFmtId="0" fontId="20" fillId="2" borderId="12" xfId="1" applyFont="1" applyFill="1" applyBorder="1" applyAlignment="1">
      <alignment horizontal="center" vertical="center" wrapText="1"/>
    </xf>
    <xf numFmtId="0" fontId="20" fillId="2" borderId="26" xfId="1" applyFont="1" applyFill="1" applyBorder="1" applyAlignment="1">
      <alignment horizontal="left" vertical="center" wrapText="1"/>
    </xf>
    <xf numFmtId="0" fontId="20" fillId="2" borderId="11" xfId="1" applyFont="1" applyFill="1" applyBorder="1" applyAlignment="1">
      <alignment horizontal="left" vertical="center" wrapText="1"/>
    </xf>
    <xf numFmtId="0" fontId="20" fillId="2" borderId="12" xfId="1" applyFont="1" applyFill="1" applyBorder="1" applyAlignment="1">
      <alignment horizontal="left" vertical="center" wrapText="1"/>
    </xf>
    <xf numFmtId="0" fontId="18" fillId="2" borderId="14" xfId="1" applyFont="1" applyFill="1" applyBorder="1" applyAlignment="1">
      <alignment horizontal="left" vertical="center"/>
    </xf>
    <xf numFmtId="0" fontId="18" fillId="2" borderId="15" xfId="1" applyFont="1" applyFill="1" applyBorder="1" applyAlignment="1">
      <alignment horizontal="left" vertical="center"/>
    </xf>
    <xf numFmtId="0" fontId="18" fillId="2" borderId="27" xfId="1" applyFont="1" applyFill="1" applyBorder="1" applyAlignment="1">
      <alignment horizontal="left" vertical="center"/>
    </xf>
    <xf numFmtId="0" fontId="20" fillId="2" borderId="28" xfId="1" applyFont="1" applyFill="1" applyBorder="1" applyAlignment="1">
      <alignment horizontal="center" vertical="center"/>
    </xf>
    <xf numFmtId="0" fontId="20" fillId="2" borderId="15" xfId="1" applyFont="1" applyFill="1" applyBorder="1" applyAlignment="1">
      <alignment horizontal="center" vertical="center"/>
    </xf>
    <xf numFmtId="0" fontId="20" fillId="2" borderId="27" xfId="1" applyFont="1" applyFill="1" applyBorder="1" applyAlignment="1">
      <alignment horizontal="center" vertical="center"/>
    </xf>
    <xf numFmtId="0" fontId="20" fillId="2" borderId="29" xfId="1" applyFont="1" applyFill="1" applyBorder="1" applyAlignment="1">
      <alignment horizontal="center" vertical="center" wrapText="1"/>
    </xf>
    <xf numFmtId="0" fontId="20" fillId="2" borderId="23" xfId="1" applyFont="1" applyFill="1" applyBorder="1" applyAlignment="1">
      <alignment horizontal="center" vertical="center" wrapText="1"/>
    </xf>
    <xf numFmtId="0" fontId="18" fillId="2" borderId="14" xfId="1" applyFont="1" applyFill="1" applyBorder="1" applyAlignment="1">
      <alignment horizontal="center" vertical="center"/>
    </xf>
    <xf numFmtId="0" fontId="18" fillId="2" borderId="16" xfId="1" applyFont="1" applyFill="1" applyBorder="1" applyAlignment="1">
      <alignment horizontal="center" vertical="center"/>
    </xf>
    <xf numFmtId="0" fontId="18" fillId="2" borderId="20" xfId="1" applyFont="1" applyFill="1" applyBorder="1" applyAlignment="1">
      <alignment horizontal="center" vertical="center"/>
    </xf>
    <xf numFmtId="0" fontId="18" fillId="2" borderId="27" xfId="1" applyFont="1" applyFill="1" applyBorder="1" applyAlignment="1">
      <alignment horizontal="center" vertical="center"/>
    </xf>
    <xf numFmtId="0" fontId="20" fillId="2" borderId="30" xfId="1" applyFont="1" applyFill="1" applyBorder="1" applyAlignment="1">
      <alignment horizontal="center" vertical="center" wrapText="1"/>
    </xf>
    <xf numFmtId="0" fontId="20" fillId="2" borderId="0" xfId="1" applyFont="1" applyFill="1" applyAlignment="1">
      <alignment horizontal="center" vertical="center" wrapText="1"/>
    </xf>
    <xf numFmtId="0" fontId="20" fillId="2" borderId="31" xfId="1" applyFont="1" applyFill="1" applyBorder="1" applyAlignment="1">
      <alignment horizontal="center" vertical="center"/>
    </xf>
    <xf numFmtId="0" fontId="20" fillId="2" borderId="32" xfId="1" applyFont="1" applyFill="1" applyBorder="1" applyAlignment="1">
      <alignment horizontal="center" vertical="center"/>
    </xf>
    <xf numFmtId="0" fontId="20" fillId="2" borderId="33" xfId="1" applyFont="1" applyFill="1" applyBorder="1" applyAlignment="1">
      <alignment horizontal="center" vertical="center"/>
    </xf>
    <xf numFmtId="0" fontId="20" fillId="2" borderId="34" xfId="1" applyFont="1" applyFill="1" applyBorder="1" applyAlignment="1">
      <alignment horizontal="center" vertical="center"/>
    </xf>
    <xf numFmtId="0" fontId="20" fillId="2" borderId="35" xfId="1" applyFont="1" applyFill="1" applyBorder="1" applyAlignment="1">
      <alignment horizontal="center" vertical="center" wrapText="1"/>
    </xf>
    <xf numFmtId="0" fontId="20" fillId="2" borderId="36" xfId="1" applyFont="1" applyFill="1" applyBorder="1" applyAlignment="1">
      <alignment horizontal="center" vertical="center" wrapText="1"/>
    </xf>
    <xf numFmtId="0" fontId="20" fillId="2" borderId="37" xfId="1" applyFont="1" applyFill="1" applyBorder="1" applyAlignment="1">
      <alignment horizontal="center" vertical="center" wrapText="1"/>
    </xf>
    <xf numFmtId="0" fontId="20" fillId="3" borderId="38" xfId="1" applyFont="1" applyFill="1" applyBorder="1" applyAlignment="1">
      <alignment horizontal="left" vertical="center" wrapText="1"/>
    </xf>
    <xf numFmtId="0" fontId="20" fillId="3" borderId="39" xfId="1" applyFont="1" applyFill="1" applyBorder="1" applyAlignment="1">
      <alignment horizontal="left" vertical="center" wrapText="1"/>
    </xf>
    <xf numFmtId="0" fontId="20" fillId="3" borderId="67" xfId="1" applyFont="1" applyFill="1" applyBorder="1" applyAlignment="1">
      <alignment horizontal="left" vertical="center" wrapText="1"/>
    </xf>
    <xf numFmtId="0" fontId="18" fillId="3" borderId="40" xfId="1" applyFont="1" applyFill="1" applyBorder="1" applyAlignment="1">
      <alignment horizontal="center" vertical="center" textRotation="255" wrapText="1"/>
    </xf>
    <xf numFmtId="0" fontId="21" fillId="2" borderId="0" xfId="1" applyFont="1" applyFill="1" applyAlignment="1">
      <alignment horizontal="left" vertical="top"/>
    </xf>
    <xf numFmtId="0" fontId="22" fillId="2" borderId="0" xfId="1" applyFont="1" applyFill="1" applyAlignment="1">
      <alignment horizontal="left" vertical="top"/>
    </xf>
    <xf numFmtId="0" fontId="20" fillId="2" borderId="7" xfId="1" applyFont="1" applyFill="1" applyBorder="1" applyAlignment="1">
      <alignment vertical="center" wrapText="1"/>
    </xf>
    <xf numFmtId="0" fontId="20" fillId="2" borderId="9" xfId="1" applyFont="1" applyFill="1" applyBorder="1" applyAlignment="1">
      <alignment horizontal="center" vertical="center" wrapText="1"/>
    </xf>
    <xf numFmtId="0" fontId="20" fillId="2" borderId="10" xfId="1" applyFont="1" applyFill="1" applyBorder="1" applyAlignment="1">
      <alignment horizontal="center" vertical="center" wrapText="1"/>
    </xf>
    <xf numFmtId="0" fontId="23" fillId="2" borderId="10" xfId="1" applyFont="1" applyFill="1" applyBorder="1" applyAlignment="1">
      <alignment horizontal="center" vertical="center"/>
    </xf>
    <xf numFmtId="0" fontId="24" fillId="2" borderId="8" xfId="1" applyFont="1" applyFill="1" applyBorder="1" applyAlignment="1">
      <alignment horizontal="center" vertical="center" wrapText="1"/>
    </xf>
    <xf numFmtId="0" fontId="24" fillId="2" borderId="9" xfId="1" applyFont="1" applyFill="1" applyBorder="1" applyAlignment="1">
      <alignment horizontal="center" vertical="center" wrapText="1"/>
    </xf>
    <xf numFmtId="0" fontId="24" fillId="2" borderId="10" xfId="1" applyFont="1" applyFill="1" applyBorder="1" applyAlignment="1">
      <alignment horizontal="center" vertical="center" wrapText="1"/>
    </xf>
    <xf numFmtId="0" fontId="24" fillId="2" borderId="41" xfId="1" applyFont="1" applyFill="1" applyBorder="1" applyAlignment="1">
      <alignment horizontal="center" vertical="center" wrapText="1"/>
    </xf>
    <xf numFmtId="0" fontId="20" fillId="3" borderId="93" xfId="1" applyFont="1" applyFill="1" applyBorder="1" applyAlignment="1">
      <alignment horizontal="left" vertical="center" wrapText="1"/>
    </xf>
    <xf numFmtId="0" fontId="20" fillId="3" borderId="23" xfId="1" applyFont="1" applyFill="1" applyBorder="1" applyAlignment="1">
      <alignment horizontal="left" vertical="center" wrapText="1"/>
    </xf>
    <xf numFmtId="0" fontId="20" fillId="3" borderId="94" xfId="1" applyFont="1" applyFill="1" applyBorder="1" applyAlignment="1">
      <alignment horizontal="left" vertical="center" wrapText="1"/>
    </xf>
    <xf numFmtId="49" fontId="20" fillId="2" borderId="43" xfId="1" applyNumberFormat="1" applyFont="1" applyFill="1" applyBorder="1" applyAlignment="1">
      <alignment horizontal="left" vertical="center" wrapText="1"/>
    </xf>
    <xf numFmtId="49" fontId="20" fillId="2" borderId="44" xfId="1" applyNumberFormat="1" applyFont="1" applyFill="1" applyBorder="1" applyAlignment="1">
      <alignment horizontal="left" vertical="center" wrapText="1"/>
    </xf>
    <xf numFmtId="49" fontId="20" fillId="2" borderId="45" xfId="1" applyNumberFormat="1" applyFont="1" applyFill="1" applyBorder="1" applyAlignment="1">
      <alignment horizontal="left" vertical="center" wrapText="1"/>
    </xf>
    <xf numFmtId="0" fontId="20" fillId="2" borderId="46" xfId="1" applyFont="1" applyFill="1" applyBorder="1" applyAlignment="1">
      <alignment horizontal="center" vertical="center" wrapText="1"/>
    </xf>
    <xf numFmtId="0" fontId="20" fillId="2" borderId="47" xfId="1" applyFont="1" applyFill="1" applyBorder="1" applyAlignment="1">
      <alignment horizontal="center" vertical="center" wrapText="1"/>
    </xf>
    <xf numFmtId="0" fontId="20" fillId="2" borderId="48" xfId="1" applyFont="1" applyFill="1" applyBorder="1" applyAlignment="1">
      <alignment horizontal="center" vertical="center" wrapText="1"/>
    </xf>
    <xf numFmtId="0" fontId="20" fillId="2" borderId="95" xfId="1" applyFont="1" applyFill="1" applyBorder="1" applyAlignment="1">
      <alignment horizontal="center" vertical="center" textRotation="255" wrapText="1"/>
    </xf>
    <xf numFmtId="49" fontId="20" fillId="2" borderId="50" xfId="1" applyNumberFormat="1" applyFont="1" applyFill="1" applyBorder="1" applyAlignment="1">
      <alignment horizontal="left" vertical="center" wrapText="1"/>
    </xf>
    <xf numFmtId="49" fontId="20" fillId="2" borderId="51" xfId="1" applyNumberFormat="1" applyFont="1" applyFill="1" applyBorder="1" applyAlignment="1">
      <alignment horizontal="left" vertical="center" wrapText="1"/>
    </xf>
    <xf numFmtId="49" fontId="20" fillId="2" borderId="52" xfId="1" applyNumberFormat="1" applyFont="1" applyFill="1" applyBorder="1" applyAlignment="1">
      <alignment horizontal="left" vertical="center" wrapText="1"/>
    </xf>
    <xf numFmtId="49" fontId="20" fillId="2" borderId="20" xfId="1" applyNumberFormat="1" applyFont="1" applyFill="1" applyBorder="1" applyAlignment="1">
      <alignment horizontal="center" vertical="center" wrapText="1"/>
    </xf>
    <xf numFmtId="49" fontId="25" fillId="2" borderId="15" xfId="1" applyNumberFormat="1" applyFont="1" applyFill="1" applyBorder="1" applyAlignment="1">
      <alignment horizontal="right" vertical="center" wrapText="1"/>
    </xf>
    <xf numFmtId="49" fontId="20" fillId="2" borderId="47" xfId="1" applyNumberFormat="1" applyFont="1" applyFill="1" applyBorder="1" applyAlignment="1">
      <alignment horizontal="left" vertical="center" wrapText="1"/>
    </xf>
    <xf numFmtId="0" fontId="20" fillId="2" borderId="53" xfId="1" applyFont="1" applyFill="1" applyBorder="1" applyAlignment="1">
      <alignment horizontal="center" vertical="center" wrapText="1"/>
    </xf>
    <xf numFmtId="0" fontId="20" fillId="2" borderId="49" xfId="1" applyFont="1" applyFill="1" applyBorder="1" applyAlignment="1">
      <alignment horizontal="center" vertical="center" textRotation="255" wrapText="1"/>
    </xf>
    <xf numFmtId="0" fontId="20" fillId="2" borderId="79" xfId="1" applyFont="1" applyFill="1" applyBorder="1" applyAlignment="1">
      <alignment horizontal="left" vertical="center" wrapText="1"/>
    </xf>
    <xf numFmtId="0" fontId="20" fillId="2" borderId="0" xfId="1" applyFont="1" applyFill="1" applyAlignment="1">
      <alignment horizontal="left" vertical="center" wrapText="1"/>
    </xf>
    <xf numFmtId="0" fontId="20" fillId="2" borderId="54" xfId="1" applyFont="1" applyFill="1" applyBorder="1" applyAlignment="1">
      <alignment horizontal="left" vertical="center" wrapText="1"/>
    </xf>
    <xf numFmtId="0" fontId="20" fillId="2" borderId="55" xfId="1" applyFont="1" applyFill="1" applyBorder="1" applyAlignment="1">
      <alignment horizontal="center" vertical="center" wrapText="1"/>
    </xf>
    <xf numFmtId="0" fontId="20" fillId="2" borderId="44" xfId="1" applyFont="1" applyFill="1" applyBorder="1" applyAlignment="1">
      <alignment horizontal="center" vertical="center" wrapText="1"/>
    </xf>
    <xf numFmtId="0" fontId="20" fillId="2" borderId="45" xfId="1" applyFont="1" applyFill="1" applyBorder="1" applyAlignment="1">
      <alignment horizontal="center" vertical="center" wrapText="1"/>
    </xf>
    <xf numFmtId="0" fontId="26" fillId="2" borderId="56" xfId="2" applyFont="1" applyFill="1" applyBorder="1" applyAlignment="1">
      <alignment horizontal="left" vertical="center" wrapText="1"/>
    </xf>
    <xf numFmtId="0" fontId="26" fillId="2" borderId="0" xfId="2" applyFont="1" applyFill="1" applyAlignment="1">
      <alignment horizontal="left" vertical="center" wrapText="1"/>
    </xf>
    <xf numFmtId="0" fontId="27" fillId="2" borderId="0" xfId="2" applyFont="1" applyFill="1" applyAlignment="1">
      <alignment horizontal="center" vertical="center" wrapText="1"/>
    </xf>
    <xf numFmtId="0" fontId="26" fillId="2" borderId="54" xfId="2" applyFont="1" applyFill="1" applyBorder="1" applyAlignment="1">
      <alignment horizontal="left" vertical="center" wrapText="1"/>
    </xf>
    <xf numFmtId="0" fontId="20" fillId="2" borderId="54" xfId="1" applyFont="1" applyFill="1" applyBorder="1" applyAlignment="1">
      <alignment horizontal="center" vertical="center" wrapText="1"/>
    </xf>
    <xf numFmtId="0" fontId="20" fillId="2" borderId="57" xfId="1" applyFont="1" applyFill="1" applyBorder="1" applyAlignment="1">
      <alignment horizontal="center" vertical="center" wrapText="1"/>
    </xf>
    <xf numFmtId="0" fontId="20" fillId="2" borderId="36" xfId="1" applyFont="1" applyFill="1" applyBorder="1" applyAlignment="1">
      <alignment horizontal="center" vertical="center" wrapText="1"/>
    </xf>
    <xf numFmtId="49" fontId="20" fillId="2" borderId="36" xfId="1" applyNumberFormat="1" applyFont="1" applyFill="1" applyBorder="1" applyAlignment="1">
      <alignment horizontal="center" vertical="center" wrapText="1"/>
    </xf>
    <xf numFmtId="0" fontId="20" fillId="2" borderId="50" xfId="1" applyFont="1" applyFill="1" applyBorder="1" applyAlignment="1">
      <alignment horizontal="left" vertical="center" wrapText="1"/>
    </xf>
    <xf numFmtId="0" fontId="20" fillId="2" borderId="51" xfId="1" applyFont="1" applyFill="1" applyBorder="1" applyAlignment="1">
      <alignment horizontal="left" vertical="center" wrapText="1"/>
    </xf>
    <xf numFmtId="0" fontId="20" fillId="2" borderId="47" xfId="1" applyFont="1" applyFill="1" applyBorder="1" applyAlignment="1">
      <alignment horizontal="left" vertical="center" wrapText="1"/>
    </xf>
    <xf numFmtId="0" fontId="20" fillId="2" borderId="51" xfId="1" applyFont="1" applyFill="1" applyBorder="1" applyAlignment="1">
      <alignment horizontal="center" vertical="center" wrapText="1"/>
    </xf>
    <xf numFmtId="0" fontId="20" fillId="2" borderId="38" xfId="1" applyFont="1" applyFill="1" applyBorder="1" applyAlignment="1">
      <alignment horizontal="left" vertical="center" wrapText="1"/>
    </xf>
    <xf numFmtId="0" fontId="20" fillId="2" borderId="39" xfId="1" applyFont="1" applyFill="1" applyBorder="1" applyAlignment="1">
      <alignment horizontal="left" vertical="center" wrapText="1"/>
    </xf>
    <xf numFmtId="0" fontId="20" fillId="2" borderId="59" xfId="1" applyFont="1" applyFill="1" applyBorder="1" applyAlignment="1">
      <alignment horizontal="left" vertical="center" wrapText="1"/>
    </xf>
    <xf numFmtId="0" fontId="20" fillId="2" borderId="58" xfId="1" applyFont="1" applyFill="1" applyBorder="1" applyAlignment="1">
      <alignment horizontal="center" vertical="center" wrapText="1"/>
    </xf>
    <xf numFmtId="0" fontId="20" fillId="2" borderId="39" xfId="1" applyFont="1" applyFill="1" applyBorder="1" applyAlignment="1">
      <alignment horizontal="center" vertical="center" wrapText="1"/>
    </xf>
    <xf numFmtId="0" fontId="20" fillId="2" borderId="59" xfId="1" applyFont="1" applyFill="1" applyBorder="1" applyAlignment="1">
      <alignment horizontal="center" vertical="center" wrapText="1"/>
    </xf>
    <xf numFmtId="0" fontId="20" fillId="2" borderId="60" xfId="1" applyFont="1" applyFill="1" applyBorder="1" applyAlignment="1">
      <alignment horizontal="center" vertical="center" textRotation="255" wrapText="1"/>
    </xf>
    <xf numFmtId="0" fontId="20" fillId="2" borderId="0" xfId="1" applyFont="1" applyFill="1" applyAlignment="1">
      <alignment horizontal="left" vertical="top"/>
    </xf>
    <xf numFmtId="0" fontId="28" fillId="2" borderId="2" xfId="1" applyFont="1" applyFill="1" applyBorder="1" applyAlignment="1">
      <alignment horizontal="left" vertical="center" wrapText="1"/>
    </xf>
    <xf numFmtId="0" fontId="29" fillId="2" borderId="0" xfId="1" applyFont="1" applyFill="1" applyAlignment="1">
      <alignment horizontal="left" vertical="top" wrapText="1"/>
    </xf>
    <xf numFmtId="0" fontId="20" fillId="2" borderId="0" xfId="1" applyFont="1" applyFill="1" applyAlignment="1">
      <alignment horizontal="left" vertical="center" wrapText="1"/>
    </xf>
    <xf numFmtId="0" fontId="20" fillId="2" borderId="0" xfId="1" applyFont="1" applyFill="1" applyAlignment="1">
      <alignment horizontal="left" vertical="center" wrapText="1" indent="5"/>
    </xf>
    <xf numFmtId="0" fontId="20" fillId="3" borderId="68" xfId="1" applyFont="1" applyFill="1" applyBorder="1" applyAlignment="1">
      <alignment horizontal="center" vertical="center" textRotation="255" wrapText="1"/>
    </xf>
    <xf numFmtId="0" fontId="20" fillId="3" borderId="13" xfId="1" applyFont="1" applyFill="1" applyBorder="1" applyAlignment="1">
      <alignment horizontal="center" vertical="center" textRotation="255" wrapText="1"/>
    </xf>
    <xf numFmtId="0" fontId="20" fillId="2" borderId="20" xfId="1" applyFont="1" applyFill="1" applyBorder="1" applyAlignment="1">
      <alignment horizontal="left" vertical="center" wrapText="1"/>
    </xf>
    <xf numFmtId="0" fontId="20" fillId="2" borderId="15" xfId="1" applyFont="1" applyFill="1" applyBorder="1" applyAlignment="1">
      <alignment horizontal="left" vertical="center" wrapText="1"/>
    </xf>
    <xf numFmtId="0" fontId="20" fillId="3" borderId="43" xfId="1" applyFont="1" applyFill="1" applyBorder="1" applyAlignment="1">
      <alignment horizontal="left" vertical="center" wrapText="1"/>
    </xf>
    <xf numFmtId="0" fontId="20" fillId="3" borderId="44" xfId="1" applyFont="1" applyFill="1" applyBorder="1" applyAlignment="1">
      <alignment horizontal="left" vertical="center" wrapText="1"/>
    </xf>
    <xf numFmtId="0" fontId="20" fillId="2" borderId="50" xfId="1" applyFont="1" applyFill="1" applyBorder="1" applyAlignment="1">
      <alignment horizontal="center" vertical="center" wrapText="1"/>
    </xf>
    <xf numFmtId="0" fontId="20" fillId="2" borderId="63" xfId="1" applyFont="1" applyFill="1" applyBorder="1" applyAlignment="1">
      <alignment vertical="center" wrapText="1"/>
    </xf>
    <xf numFmtId="0" fontId="20" fillId="2" borderId="64" xfId="1" applyFont="1" applyFill="1" applyBorder="1" applyAlignment="1">
      <alignment vertical="center" wrapText="1"/>
    </xf>
    <xf numFmtId="0" fontId="20" fillId="2" borderId="65" xfId="1" applyFont="1" applyFill="1" applyBorder="1" applyAlignment="1">
      <alignment horizontal="center" vertical="center" wrapText="1"/>
    </xf>
    <xf numFmtId="0" fontId="20" fillId="3" borderId="40" xfId="1" applyFont="1" applyFill="1" applyBorder="1" applyAlignment="1">
      <alignment horizontal="center" vertical="center" textRotation="255" wrapText="1"/>
    </xf>
    <xf numFmtId="0" fontId="20" fillId="3" borderId="66" xfId="1" applyFont="1" applyFill="1" applyBorder="1" applyAlignment="1">
      <alignment horizontal="left" vertical="center" wrapText="1"/>
    </xf>
    <xf numFmtId="0" fontId="30" fillId="2" borderId="2" xfId="1" applyFont="1" applyFill="1" applyBorder="1" applyAlignment="1">
      <alignment vertical="center"/>
    </xf>
    <xf numFmtId="0" fontId="20" fillId="2" borderId="2" xfId="1" applyFont="1" applyFill="1" applyBorder="1" applyAlignment="1">
      <alignment vertical="center" wrapText="1"/>
    </xf>
    <xf numFmtId="0" fontId="29" fillId="2" borderId="0" xfId="1" applyFont="1" applyFill="1" applyAlignment="1">
      <alignment horizontal="left" vertical="center"/>
    </xf>
    <xf numFmtId="0" fontId="29" fillId="2" borderId="0" xfId="1" applyFont="1" applyFill="1" applyAlignment="1">
      <alignment horizontal="left" vertical="top"/>
    </xf>
  </cellXfs>
  <cellStyles count="3">
    <cellStyle name="標準" xfId="0" builtinId="0"/>
    <cellStyle name="標準 2 3" xfId="1"/>
    <cellStyle name="標準_付表　訪問介護　修正版_第一号様式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11</xdr:col>
          <xdr:colOff>47625</xdr:colOff>
          <xdr:row>16</xdr:row>
          <xdr:rowOff>171450</xdr:rowOff>
        </xdr:from>
        <xdr:to>
          <xdr:col>12</xdr:col>
          <xdr:colOff>238125</xdr:colOff>
          <xdr:row>18</xdr:row>
          <xdr:rowOff>0</xdr:rowOff>
        </xdr:to>
        <xdr:sp macro="" textlink="">
          <xdr:nvSpPr>
            <xdr:cNvPr id="1025" name="Check Box 1" hidden="1">
              <a:extLst>
                <a:ext uri="{63B3BB69-23CF-44E3-9099-C40C66FF867C}">
                  <a14:compatExt spid="_x0000_s1025"/>
                </a:ext>
                <a:ext uri="{FF2B5EF4-FFF2-40B4-BE49-F238E27FC236}">
                  <a16:creationId xmlns:a16="http://schemas.microsoft.com/office/drawing/2014/main" id="{00000000-0008-0000-0D00-0000015001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xdr:from>
          <xdr:col>13</xdr:col>
          <xdr:colOff>57150</xdr:colOff>
          <xdr:row>16</xdr:row>
          <xdr:rowOff>171450</xdr:rowOff>
        </xdr:from>
        <xdr:to>
          <xdr:col>14</xdr:col>
          <xdr:colOff>228600</xdr:colOff>
          <xdr:row>18</xdr:row>
          <xdr:rowOff>0</xdr:rowOff>
        </xdr:to>
        <xdr:sp macro="" textlink="">
          <xdr:nvSpPr>
            <xdr:cNvPr id="1026" name="Check Box 2" hidden="1">
              <a:extLst>
                <a:ext uri="{63B3BB69-23CF-44E3-9099-C40C66FF867C}">
                  <a14:compatExt spid="_x0000_s1026"/>
                </a:ext>
                <a:ext uri="{FF2B5EF4-FFF2-40B4-BE49-F238E27FC236}">
                  <a16:creationId xmlns:a16="http://schemas.microsoft.com/office/drawing/2014/main" id="{00000000-0008-0000-0D00-0000025001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W111"/>
  <sheetViews>
    <sheetView tabSelected="1" view="pageBreakPreview" zoomScaleNormal="80" zoomScaleSheetLayoutView="100" workbookViewId="0">
      <selection sqref="A1:T1"/>
    </sheetView>
  </sheetViews>
  <sheetFormatPr defaultColWidth="8.75" defaultRowHeight="16.5" x14ac:dyDescent="0.4"/>
  <cols>
    <col min="1" max="1" width="5.625" style="1" customWidth="1"/>
    <col min="2" max="2" width="7.375" style="1" customWidth="1"/>
    <col min="3" max="3" width="6" style="1" customWidth="1"/>
    <col min="4" max="4" width="6.125" style="1" customWidth="1"/>
    <col min="5" max="7" width="7.375" style="1" customWidth="1"/>
    <col min="8" max="20" width="6.625" style="1" customWidth="1"/>
    <col min="21" max="16384" width="8.75" style="1"/>
  </cols>
  <sheetData>
    <row r="1" spans="1:23" ht="36.75" customHeight="1" thickBot="1" x14ac:dyDescent="0.45">
      <c r="A1" s="188" t="s">
        <v>105</v>
      </c>
      <c r="B1" s="188"/>
      <c r="C1" s="188"/>
      <c r="D1" s="188"/>
      <c r="E1" s="188"/>
      <c r="F1" s="188"/>
      <c r="G1" s="188"/>
      <c r="H1" s="188"/>
      <c r="I1" s="188"/>
      <c r="J1" s="188"/>
      <c r="K1" s="188"/>
      <c r="L1" s="188"/>
      <c r="M1" s="188"/>
      <c r="N1" s="188"/>
      <c r="O1" s="188"/>
      <c r="P1" s="188"/>
      <c r="Q1" s="188"/>
      <c r="R1" s="188"/>
      <c r="S1" s="188"/>
      <c r="T1" s="188"/>
    </row>
    <row r="2" spans="1:23" ht="15" customHeight="1" x14ac:dyDescent="0.4">
      <c r="A2" s="187" t="s">
        <v>104</v>
      </c>
      <c r="B2" s="186" t="s">
        <v>103</v>
      </c>
      <c r="C2" s="185"/>
      <c r="D2" s="185"/>
      <c r="E2" s="184"/>
      <c r="F2" s="183"/>
      <c r="G2" s="183"/>
      <c r="H2" s="183"/>
      <c r="I2" s="183"/>
      <c r="J2" s="183"/>
      <c r="K2" s="183"/>
      <c r="L2" s="183"/>
      <c r="M2" s="183"/>
      <c r="N2" s="183"/>
      <c r="O2" s="183"/>
      <c r="P2" s="183"/>
      <c r="Q2" s="183"/>
      <c r="R2" s="183"/>
      <c r="S2" s="183"/>
      <c r="T2" s="182"/>
    </row>
    <row r="3" spans="1:23" s="3" customFormat="1" ht="15" customHeight="1" x14ac:dyDescent="0.4">
      <c r="A3" s="171"/>
      <c r="B3" s="104" t="s">
        <v>58</v>
      </c>
      <c r="C3" s="103"/>
      <c r="D3" s="102"/>
      <c r="E3" s="174"/>
      <c r="F3" s="99"/>
      <c r="G3" s="99"/>
      <c r="H3" s="99"/>
      <c r="I3" s="99"/>
      <c r="J3" s="99"/>
      <c r="K3" s="99"/>
      <c r="L3" s="99"/>
      <c r="M3" s="99"/>
      <c r="N3" s="99"/>
      <c r="O3" s="99"/>
      <c r="P3" s="99"/>
      <c r="Q3" s="99"/>
      <c r="R3" s="99"/>
      <c r="S3" s="99"/>
      <c r="T3" s="172"/>
    </row>
    <row r="4" spans="1:23" s="3" customFormat="1" ht="30" customHeight="1" x14ac:dyDescent="0.4">
      <c r="A4" s="171"/>
      <c r="B4" s="88" t="s">
        <v>57</v>
      </c>
      <c r="C4" s="115"/>
      <c r="D4" s="87"/>
      <c r="E4" s="181"/>
      <c r="F4" s="114"/>
      <c r="G4" s="114"/>
      <c r="H4" s="114"/>
      <c r="I4" s="114"/>
      <c r="J4" s="114"/>
      <c r="K4" s="114"/>
      <c r="L4" s="114"/>
      <c r="M4" s="114"/>
      <c r="N4" s="114"/>
      <c r="O4" s="114"/>
      <c r="P4" s="114"/>
      <c r="Q4" s="114"/>
      <c r="R4" s="114"/>
      <c r="S4" s="114"/>
      <c r="T4" s="180"/>
    </row>
    <row r="5" spans="1:23" s="3" customFormat="1" ht="15" customHeight="1" x14ac:dyDescent="0.4">
      <c r="A5" s="171"/>
      <c r="B5" s="97" t="s">
        <v>56</v>
      </c>
      <c r="C5" s="68"/>
      <c r="D5" s="67"/>
      <c r="E5" s="97" t="s">
        <v>55</v>
      </c>
      <c r="F5" s="68"/>
      <c r="G5" s="112"/>
      <c r="H5" s="111" t="s">
        <v>102</v>
      </c>
      <c r="I5" s="112"/>
      <c r="J5" s="111" t="s">
        <v>101</v>
      </c>
      <c r="K5" s="68"/>
      <c r="L5" s="68"/>
      <c r="M5" s="68"/>
      <c r="N5" s="68"/>
      <c r="O5" s="68"/>
      <c r="P5" s="68"/>
      <c r="Q5" s="68"/>
      <c r="R5" s="68"/>
      <c r="S5" s="68"/>
      <c r="T5" s="179"/>
    </row>
    <row r="6" spans="1:23" s="3" customFormat="1" ht="15" customHeight="1" x14ac:dyDescent="0.4">
      <c r="A6" s="171"/>
      <c r="B6" s="109"/>
      <c r="C6" s="178"/>
      <c r="D6" s="61"/>
      <c r="E6" s="108"/>
      <c r="F6" s="176"/>
      <c r="G6" s="176"/>
      <c r="H6" s="177" t="s">
        <v>52</v>
      </c>
      <c r="I6" s="176"/>
      <c r="J6" s="176"/>
      <c r="K6" s="176"/>
      <c r="L6" s="176"/>
      <c r="M6" s="176"/>
      <c r="N6" s="177" t="s">
        <v>51</v>
      </c>
      <c r="O6" s="176"/>
      <c r="P6" s="176"/>
      <c r="Q6" s="176"/>
      <c r="R6" s="176"/>
      <c r="S6" s="176"/>
      <c r="T6" s="105"/>
      <c r="U6" s="175"/>
    </row>
    <row r="7" spans="1:23" s="3" customFormat="1" ht="15" customHeight="1" x14ac:dyDescent="0.4">
      <c r="A7" s="171"/>
      <c r="B7" s="109"/>
      <c r="C7" s="178"/>
      <c r="D7" s="61"/>
      <c r="E7" s="108"/>
      <c r="F7" s="176"/>
      <c r="G7" s="176"/>
      <c r="H7" s="177" t="s">
        <v>50</v>
      </c>
      <c r="I7" s="176"/>
      <c r="J7" s="176"/>
      <c r="K7" s="176"/>
      <c r="L7" s="176"/>
      <c r="M7" s="176"/>
      <c r="N7" s="177" t="s">
        <v>49</v>
      </c>
      <c r="O7" s="176"/>
      <c r="P7" s="176"/>
      <c r="Q7" s="176"/>
      <c r="R7" s="176"/>
      <c r="S7" s="176"/>
      <c r="T7" s="105"/>
      <c r="U7" s="175"/>
    </row>
    <row r="8" spans="1:23" s="3" customFormat="1" ht="18.95" customHeight="1" x14ac:dyDescent="0.4">
      <c r="A8" s="171"/>
      <c r="B8" s="104"/>
      <c r="C8" s="103"/>
      <c r="D8" s="102"/>
      <c r="E8" s="174"/>
      <c r="F8" s="99"/>
      <c r="G8" s="173"/>
      <c r="H8" s="173"/>
      <c r="I8" s="173"/>
      <c r="J8" s="173"/>
      <c r="K8" s="173"/>
      <c r="L8" s="173"/>
      <c r="M8" s="173"/>
      <c r="N8" s="173"/>
      <c r="O8" s="173"/>
      <c r="P8" s="173"/>
      <c r="Q8" s="99"/>
      <c r="R8" s="99"/>
      <c r="S8" s="99"/>
      <c r="T8" s="172"/>
    </row>
    <row r="9" spans="1:23" s="3" customFormat="1" ht="15" customHeight="1" x14ac:dyDescent="0.4">
      <c r="A9" s="171"/>
      <c r="B9" s="97" t="s">
        <v>48</v>
      </c>
      <c r="C9" s="68"/>
      <c r="D9" s="67"/>
      <c r="E9" s="88" t="s">
        <v>47</v>
      </c>
      <c r="F9" s="87"/>
      <c r="G9" s="96"/>
      <c r="H9" s="92"/>
      <c r="I9" s="92"/>
      <c r="J9" s="92"/>
      <c r="K9" s="92"/>
      <c r="L9" s="95" t="s">
        <v>46</v>
      </c>
      <c r="M9" s="26"/>
      <c r="N9" s="94"/>
      <c r="O9" s="35" t="s">
        <v>100</v>
      </c>
      <c r="P9" s="34"/>
      <c r="Q9" s="93"/>
      <c r="R9" s="92"/>
      <c r="S9" s="92"/>
      <c r="T9" s="170"/>
    </row>
    <row r="10" spans="1:23" s="3" customFormat="1" ht="15" customHeight="1" x14ac:dyDescent="0.4">
      <c r="A10" s="169"/>
      <c r="B10" s="104"/>
      <c r="C10" s="103"/>
      <c r="D10" s="102"/>
      <c r="E10" s="88" t="s">
        <v>99</v>
      </c>
      <c r="F10" s="87"/>
      <c r="G10" s="86"/>
      <c r="H10" s="85"/>
      <c r="I10" s="85"/>
      <c r="J10" s="85"/>
      <c r="K10" s="85"/>
      <c r="L10" s="85"/>
      <c r="M10" s="85"/>
      <c r="N10" s="85"/>
      <c r="O10" s="85"/>
      <c r="P10" s="85"/>
      <c r="Q10" s="85"/>
      <c r="R10" s="85"/>
      <c r="S10" s="85"/>
      <c r="T10" s="168"/>
    </row>
    <row r="11" spans="1:23" s="3" customFormat="1" ht="15" customHeight="1" x14ac:dyDescent="0.4">
      <c r="A11" s="167" t="s">
        <v>98</v>
      </c>
      <c r="B11" s="88" t="s">
        <v>58</v>
      </c>
      <c r="C11" s="115"/>
      <c r="D11" s="87"/>
      <c r="E11" s="114"/>
      <c r="F11" s="114"/>
      <c r="G11" s="114"/>
      <c r="H11" s="114"/>
      <c r="I11" s="114"/>
      <c r="J11" s="160"/>
      <c r="K11" s="97" t="s">
        <v>97</v>
      </c>
      <c r="L11" s="68"/>
      <c r="M11" s="132"/>
      <c r="N11" s="166" t="s">
        <v>96</v>
      </c>
      <c r="O11" s="166"/>
      <c r="P11" s="165"/>
      <c r="Q11" s="164" t="s">
        <v>95</v>
      </c>
      <c r="R11" s="163"/>
      <c r="S11" s="162" t="s">
        <v>94</v>
      </c>
      <c r="T11" s="161"/>
    </row>
    <row r="12" spans="1:23" s="3" customFormat="1" ht="15" customHeight="1" x14ac:dyDescent="0.4">
      <c r="A12" s="90"/>
      <c r="B12" s="88" t="s">
        <v>93</v>
      </c>
      <c r="C12" s="115"/>
      <c r="D12" s="87"/>
      <c r="E12" s="114"/>
      <c r="F12" s="114"/>
      <c r="G12" s="114"/>
      <c r="H12" s="114"/>
      <c r="I12" s="114"/>
      <c r="J12" s="160"/>
      <c r="K12" s="109"/>
      <c r="L12" s="62"/>
      <c r="M12" s="40"/>
      <c r="N12" s="100"/>
      <c r="O12" s="100"/>
      <c r="P12" s="100"/>
      <c r="Q12" s="100"/>
      <c r="R12" s="100"/>
      <c r="S12" s="100"/>
      <c r="T12" s="159"/>
    </row>
    <row r="13" spans="1:23" s="3" customFormat="1" ht="15" customHeight="1" x14ac:dyDescent="0.4">
      <c r="A13" s="90"/>
      <c r="B13" s="154" t="s">
        <v>92</v>
      </c>
      <c r="C13" s="153"/>
      <c r="D13" s="158"/>
      <c r="E13" s="157"/>
      <c r="F13" s="157"/>
      <c r="G13" s="157"/>
      <c r="H13" s="157"/>
      <c r="I13" s="157"/>
      <c r="J13" s="156"/>
      <c r="K13" s="104"/>
      <c r="L13" s="103"/>
      <c r="M13" s="155"/>
      <c r="N13" s="99"/>
      <c r="O13" s="99"/>
      <c r="P13" s="99"/>
      <c r="Q13" s="99"/>
      <c r="R13" s="99"/>
      <c r="S13" s="99"/>
      <c r="T13" s="98"/>
    </row>
    <row r="14" spans="1:23" s="3" customFormat="1" ht="15" customHeight="1" x14ac:dyDescent="0.4">
      <c r="A14" s="90"/>
      <c r="B14" s="154" t="s">
        <v>91</v>
      </c>
      <c r="C14" s="153"/>
      <c r="D14" s="153"/>
      <c r="E14" s="153"/>
      <c r="F14" s="153"/>
      <c r="G14" s="153"/>
      <c r="H14" s="153"/>
      <c r="I14" s="153"/>
      <c r="J14" s="153"/>
      <c r="K14" s="148"/>
      <c r="L14" s="114"/>
      <c r="M14" s="114"/>
      <c r="N14" s="114"/>
      <c r="O14" s="114"/>
      <c r="P14" s="151"/>
      <c r="Q14" s="151"/>
      <c r="R14" s="114"/>
      <c r="S14" s="114"/>
      <c r="T14" s="113"/>
    </row>
    <row r="15" spans="1:23" s="3" customFormat="1" ht="15" customHeight="1" x14ac:dyDescent="0.4">
      <c r="A15" s="90"/>
      <c r="B15" s="152" t="s">
        <v>90</v>
      </c>
      <c r="C15" s="151"/>
      <c r="D15" s="151"/>
      <c r="E15" s="151"/>
      <c r="F15" s="151"/>
      <c r="G15" s="151"/>
      <c r="H15" s="150" t="s">
        <v>89</v>
      </c>
      <c r="I15" s="115"/>
      <c r="J15" s="149"/>
      <c r="K15" s="148"/>
      <c r="L15" s="114"/>
      <c r="M15" s="114"/>
      <c r="N15" s="114"/>
      <c r="O15" s="147"/>
      <c r="P15" s="146" t="s">
        <v>88</v>
      </c>
      <c r="Q15" s="146"/>
      <c r="R15" s="93"/>
      <c r="S15" s="92"/>
      <c r="T15" s="91"/>
    </row>
    <row r="16" spans="1:23" s="3" customFormat="1" ht="15" customHeight="1" x14ac:dyDescent="0.4">
      <c r="A16" s="90"/>
      <c r="B16" s="101"/>
      <c r="C16" s="100"/>
      <c r="D16" s="100"/>
      <c r="E16" s="100"/>
      <c r="F16" s="100"/>
      <c r="G16" s="100"/>
      <c r="H16" s="69" t="s">
        <v>87</v>
      </c>
      <c r="I16" s="68"/>
      <c r="J16" s="132"/>
      <c r="K16" s="145"/>
      <c r="L16" s="143"/>
      <c r="M16" s="143"/>
      <c r="N16" s="143"/>
      <c r="O16" s="143"/>
      <c r="P16" s="144"/>
      <c r="Q16" s="144"/>
      <c r="R16" s="143"/>
      <c r="S16" s="143"/>
      <c r="T16" s="142"/>
      <c r="U16" s="74"/>
      <c r="V16" s="74"/>
      <c r="W16" s="74"/>
    </row>
    <row r="17" spans="1:23" s="3" customFormat="1" ht="15" customHeight="1" x14ac:dyDescent="0.4">
      <c r="A17" s="90"/>
      <c r="B17" s="101"/>
      <c r="C17" s="100"/>
      <c r="D17" s="100"/>
      <c r="E17" s="100"/>
      <c r="F17" s="100"/>
      <c r="G17" s="100"/>
      <c r="H17" s="41"/>
      <c r="I17" s="62"/>
      <c r="J17" s="40"/>
      <c r="K17" s="141"/>
      <c r="L17" s="140"/>
      <c r="M17" s="140"/>
      <c r="N17" s="140"/>
      <c r="O17" s="140"/>
      <c r="P17" s="140"/>
      <c r="Q17" s="140"/>
      <c r="R17" s="140"/>
      <c r="S17" s="140"/>
      <c r="T17" s="139"/>
    </row>
    <row r="18" spans="1:23" s="74" customFormat="1" ht="15" customHeight="1" thickBot="1" x14ac:dyDescent="0.45">
      <c r="A18" s="80" t="s">
        <v>86</v>
      </c>
      <c r="B18" s="77"/>
      <c r="C18" s="77"/>
      <c r="D18" s="77"/>
      <c r="E18" s="77"/>
      <c r="F18" s="77"/>
      <c r="G18" s="77"/>
      <c r="H18" s="77"/>
      <c r="I18" s="77"/>
      <c r="J18" s="79"/>
      <c r="K18" s="138"/>
      <c r="L18" s="138"/>
      <c r="M18" s="138"/>
      <c r="N18" s="138"/>
      <c r="O18" s="138"/>
      <c r="P18" s="138"/>
      <c r="Q18" s="138"/>
      <c r="R18" s="138"/>
      <c r="S18" s="138"/>
      <c r="T18" s="137"/>
    </row>
    <row r="19" spans="1:23" s="3" customFormat="1" ht="15" customHeight="1" x14ac:dyDescent="0.4">
      <c r="A19" s="83" t="s">
        <v>27</v>
      </c>
      <c r="B19" s="82"/>
      <c r="C19" s="82"/>
      <c r="D19" s="82"/>
      <c r="E19" s="82"/>
      <c r="F19" s="82"/>
      <c r="G19" s="82"/>
      <c r="H19" s="82"/>
      <c r="I19" s="82"/>
      <c r="J19" s="82"/>
      <c r="K19" s="82"/>
      <c r="L19" s="82"/>
      <c r="M19" s="82"/>
      <c r="N19" s="82"/>
      <c r="O19" s="82"/>
      <c r="P19" s="82"/>
      <c r="Q19" s="82"/>
      <c r="R19" s="82"/>
      <c r="S19" s="82"/>
      <c r="T19" s="81"/>
    </row>
    <row r="20" spans="1:23" s="74" customFormat="1" ht="15" customHeight="1" thickBot="1" x14ac:dyDescent="0.45">
      <c r="A20" s="80" t="s">
        <v>43</v>
      </c>
      <c r="B20" s="77"/>
      <c r="C20" s="77"/>
      <c r="D20" s="77"/>
      <c r="E20" s="77"/>
      <c r="F20" s="77"/>
      <c r="G20" s="77"/>
      <c r="H20" s="79"/>
      <c r="I20" s="78"/>
      <c r="J20" s="77"/>
      <c r="K20" s="76" t="s">
        <v>42</v>
      </c>
      <c r="L20" s="73" t="s">
        <v>41</v>
      </c>
      <c r="M20" s="15"/>
      <c r="N20" s="15"/>
      <c r="O20" s="15"/>
      <c r="P20" s="15"/>
      <c r="Q20" s="19"/>
      <c r="R20" s="73"/>
      <c r="S20" s="15"/>
      <c r="T20" s="75" t="s">
        <v>40</v>
      </c>
      <c r="U20" s="3"/>
      <c r="V20" s="3"/>
      <c r="W20" s="3"/>
    </row>
    <row r="21" spans="1:23" s="3" customFormat="1" ht="15" customHeight="1" x14ac:dyDescent="0.4">
      <c r="A21" s="133" t="s">
        <v>85</v>
      </c>
      <c r="B21" s="71" t="s">
        <v>75</v>
      </c>
      <c r="C21" s="71"/>
      <c r="D21" s="71"/>
      <c r="E21" s="71"/>
      <c r="F21" s="71"/>
      <c r="G21" s="71"/>
      <c r="H21" s="71"/>
      <c r="I21" s="71"/>
      <c r="J21" s="71"/>
      <c r="K21" s="71"/>
      <c r="L21" s="71"/>
      <c r="M21" s="71"/>
      <c r="N21" s="71"/>
      <c r="O21" s="71"/>
      <c r="P21" s="71"/>
      <c r="Q21" s="71"/>
      <c r="R21" s="71"/>
      <c r="S21" s="71"/>
      <c r="T21" s="70"/>
    </row>
    <row r="22" spans="1:23" s="3" customFormat="1" ht="15" customHeight="1" x14ac:dyDescent="0.4">
      <c r="A22" s="126"/>
      <c r="B22" s="69" t="s">
        <v>74</v>
      </c>
      <c r="C22" s="68"/>
      <c r="D22" s="67"/>
      <c r="E22" s="97" t="s">
        <v>73</v>
      </c>
      <c r="F22" s="68"/>
      <c r="G22" s="68"/>
      <c r="H22" s="132"/>
      <c r="I22" s="69" t="s">
        <v>72</v>
      </c>
      <c r="J22" s="68"/>
      <c r="K22" s="68"/>
      <c r="L22" s="67"/>
      <c r="M22" s="88" t="s">
        <v>71</v>
      </c>
      <c r="N22" s="115"/>
      <c r="O22" s="115"/>
      <c r="P22" s="87"/>
      <c r="Q22" s="88" t="s">
        <v>70</v>
      </c>
      <c r="R22" s="115"/>
      <c r="S22" s="115"/>
      <c r="T22" s="129"/>
    </row>
    <row r="23" spans="1:23" s="3" customFormat="1" ht="15" customHeight="1" x14ac:dyDescent="0.4">
      <c r="A23" s="126"/>
      <c r="B23" s="41"/>
      <c r="C23" s="62"/>
      <c r="D23" s="61"/>
      <c r="E23" s="88" t="s">
        <v>69</v>
      </c>
      <c r="F23" s="87"/>
      <c r="G23" s="88" t="s">
        <v>68</v>
      </c>
      <c r="H23" s="87"/>
      <c r="I23" s="88" t="s">
        <v>69</v>
      </c>
      <c r="J23" s="87"/>
      <c r="K23" s="88" t="s">
        <v>68</v>
      </c>
      <c r="L23" s="87"/>
      <c r="M23" s="88" t="s">
        <v>69</v>
      </c>
      <c r="N23" s="87"/>
      <c r="O23" s="88" t="s">
        <v>68</v>
      </c>
      <c r="P23" s="87"/>
      <c r="Q23" s="115" t="s">
        <v>69</v>
      </c>
      <c r="R23" s="87"/>
      <c r="S23" s="88" t="s">
        <v>68</v>
      </c>
      <c r="T23" s="129"/>
    </row>
    <row r="24" spans="1:23" s="3" customFormat="1" ht="15" customHeight="1" x14ac:dyDescent="0.4">
      <c r="A24" s="126"/>
      <c r="B24" s="131"/>
      <c r="C24" s="88" t="s">
        <v>79</v>
      </c>
      <c r="D24" s="87"/>
      <c r="E24" s="88"/>
      <c r="F24" s="87"/>
      <c r="G24" s="88"/>
      <c r="H24" s="87"/>
      <c r="I24" s="88"/>
      <c r="J24" s="87"/>
      <c r="K24" s="88"/>
      <c r="L24" s="87"/>
      <c r="M24" s="88"/>
      <c r="N24" s="87"/>
      <c r="O24" s="88"/>
      <c r="P24" s="87"/>
      <c r="Q24" s="115"/>
      <c r="R24" s="87"/>
      <c r="S24" s="88"/>
      <c r="T24" s="129"/>
    </row>
    <row r="25" spans="1:23" s="3" customFormat="1" ht="15" customHeight="1" x14ac:dyDescent="0.4">
      <c r="A25" s="126"/>
      <c r="B25" s="130"/>
      <c r="C25" s="88" t="s">
        <v>78</v>
      </c>
      <c r="D25" s="87"/>
      <c r="E25" s="88"/>
      <c r="F25" s="87"/>
      <c r="G25" s="88"/>
      <c r="H25" s="87"/>
      <c r="I25" s="88"/>
      <c r="J25" s="87"/>
      <c r="K25" s="88"/>
      <c r="L25" s="87"/>
      <c r="M25" s="88"/>
      <c r="N25" s="87"/>
      <c r="O25" s="88"/>
      <c r="P25" s="87"/>
      <c r="Q25" s="115"/>
      <c r="R25" s="87"/>
      <c r="S25" s="88"/>
      <c r="T25" s="129"/>
    </row>
    <row r="26" spans="1:23" s="3" customFormat="1" ht="15" customHeight="1" x14ac:dyDescent="0.4">
      <c r="A26" s="126"/>
      <c r="B26" s="134" t="s">
        <v>27</v>
      </c>
      <c r="C26" s="128"/>
      <c r="D26" s="128"/>
      <c r="E26" s="128"/>
      <c r="F26" s="128"/>
      <c r="G26" s="128"/>
      <c r="H26" s="128"/>
      <c r="I26" s="128"/>
      <c r="J26" s="128"/>
      <c r="K26" s="128"/>
      <c r="L26" s="128"/>
      <c r="M26" s="128"/>
      <c r="N26" s="128"/>
      <c r="O26" s="128"/>
      <c r="P26" s="128"/>
      <c r="Q26" s="128"/>
      <c r="R26" s="128"/>
      <c r="S26" s="128"/>
      <c r="T26" s="127"/>
    </row>
    <row r="27" spans="1:23" s="3" customFormat="1" ht="16.350000000000001" customHeight="1" x14ac:dyDescent="0.4">
      <c r="A27" s="126"/>
      <c r="B27" s="69" t="s">
        <v>26</v>
      </c>
      <c r="C27" s="68"/>
      <c r="D27" s="67"/>
      <c r="E27" s="66" t="s">
        <v>25</v>
      </c>
      <c r="F27" s="65"/>
      <c r="G27" s="64" t="s">
        <v>24</v>
      </c>
      <c r="H27" s="65"/>
      <c r="I27" s="64" t="s">
        <v>23</v>
      </c>
      <c r="J27" s="65"/>
      <c r="K27" s="64" t="s">
        <v>22</v>
      </c>
      <c r="L27" s="65"/>
      <c r="M27" s="64" t="s">
        <v>21</v>
      </c>
      <c r="N27" s="65"/>
      <c r="O27" s="64" t="s">
        <v>20</v>
      </c>
      <c r="P27" s="65"/>
      <c r="Q27" s="64" t="s">
        <v>19</v>
      </c>
      <c r="R27" s="65"/>
      <c r="S27" s="64" t="s">
        <v>18</v>
      </c>
      <c r="T27" s="63"/>
    </row>
    <row r="28" spans="1:23" s="3" customFormat="1" ht="15.6" customHeight="1" x14ac:dyDescent="0.4">
      <c r="A28" s="126"/>
      <c r="B28" s="41"/>
      <c r="C28" s="62"/>
      <c r="D28" s="61"/>
      <c r="E28" s="60"/>
      <c r="F28" s="59"/>
      <c r="G28" s="60"/>
      <c r="H28" s="59"/>
      <c r="I28" s="60"/>
      <c r="J28" s="59"/>
      <c r="K28" s="60"/>
      <c r="L28" s="59"/>
      <c r="M28" s="60"/>
      <c r="N28" s="59"/>
      <c r="O28" s="60"/>
      <c r="P28" s="59"/>
      <c r="Q28" s="60"/>
      <c r="R28" s="59"/>
      <c r="S28" s="58"/>
      <c r="T28" s="57"/>
    </row>
    <row r="29" spans="1:23" s="3" customFormat="1" ht="15.6" customHeight="1" x14ac:dyDescent="0.4">
      <c r="A29" s="126"/>
      <c r="B29" s="37"/>
      <c r="C29" s="56"/>
      <c r="D29" s="55"/>
      <c r="E29" s="54" t="s">
        <v>84</v>
      </c>
      <c r="F29" s="53"/>
      <c r="G29" s="53"/>
      <c r="H29" s="52"/>
      <c r="I29" s="51"/>
      <c r="J29" s="50"/>
      <c r="K29" s="50"/>
      <c r="L29" s="50"/>
      <c r="M29" s="50"/>
      <c r="N29" s="50"/>
      <c r="O29" s="50"/>
      <c r="P29" s="50"/>
      <c r="Q29" s="50"/>
      <c r="R29" s="50"/>
      <c r="S29" s="50"/>
      <c r="T29" s="49"/>
    </row>
    <row r="30" spans="1:23" s="3" customFormat="1" ht="15.95" customHeight="1" x14ac:dyDescent="0.4">
      <c r="A30" s="126"/>
      <c r="B30" s="48" t="s">
        <v>83</v>
      </c>
      <c r="C30" s="47"/>
      <c r="D30" s="47"/>
      <c r="E30" s="46"/>
      <c r="F30" s="46"/>
      <c r="G30" s="46"/>
      <c r="H30" s="45"/>
      <c r="I30" s="28"/>
      <c r="J30" s="26"/>
      <c r="K30" s="32" t="s">
        <v>7</v>
      </c>
      <c r="L30" s="26"/>
      <c r="M30" s="26"/>
      <c r="N30" s="33" t="s">
        <v>31</v>
      </c>
      <c r="O30" s="26"/>
      <c r="P30" s="26"/>
      <c r="Q30" s="32" t="s">
        <v>7</v>
      </c>
      <c r="R30" s="24"/>
      <c r="S30" s="24"/>
      <c r="T30" s="23"/>
    </row>
    <row r="31" spans="1:23" s="3" customFormat="1" ht="15.95" customHeight="1" x14ac:dyDescent="0.4">
      <c r="A31" s="126"/>
      <c r="B31" s="43"/>
      <c r="C31" s="42"/>
      <c r="D31" s="42"/>
      <c r="E31" s="21" t="s">
        <v>30</v>
      </c>
      <c r="F31" s="44"/>
      <c r="G31" s="35" t="s">
        <v>14</v>
      </c>
      <c r="H31" s="34"/>
      <c r="I31" s="28"/>
      <c r="J31" s="26"/>
      <c r="K31" s="32" t="s">
        <v>7</v>
      </c>
      <c r="L31" s="26"/>
      <c r="M31" s="26"/>
      <c r="N31" s="33" t="s">
        <v>31</v>
      </c>
      <c r="O31" s="26"/>
      <c r="P31" s="26"/>
      <c r="Q31" s="32" t="s">
        <v>7</v>
      </c>
      <c r="R31" s="24"/>
      <c r="S31" s="24"/>
      <c r="T31" s="23"/>
    </row>
    <row r="32" spans="1:23" s="3" customFormat="1" ht="15.95" customHeight="1" x14ac:dyDescent="0.4">
      <c r="A32" s="126"/>
      <c r="B32" s="43"/>
      <c r="C32" s="42"/>
      <c r="D32" s="42"/>
      <c r="E32" s="41"/>
      <c r="F32" s="40"/>
      <c r="G32" s="35" t="s">
        <v>13</v>
      </c>
      <c r="H32" s="34"/>
      <c r="I32" s="28"/>
      <c r="J32" s="26"/>
      <c r="K32" s="32" t="s">
        <v>7</v>
      </c>
      <c r="L32" s="26"/>
      <c r="M32" s="26"/>
      <c r="N32" s="33" t="s">
        <v>82</v>
      </c>
      <c r="O32" s="26"/>
      <c r="P32" s="26"/>
      <c r="Q32" s="32" t="s">
        <v>7</v>
      </c>
      <c r="R32" s="24"/>
      <c r="S32" s="24"/>
      <c r="T32" s="23"/>
    </row>
    <row r="33" spans="1:20" s="3" customFormat="1" ht="15.95" customHeight="1" x14ac:dyDescent="0.4">
      <c r="A33" s="126"/>
      <c r="B33" s="39"/>
      <c r="C33" s="38"/>
      <c r="D33" s="38"/>
      <c r="E33" s="37"/>
      <c r="F33" s="36"/>
      <c r="G33" s="35" t="s">
        <v>11</v>
      </c>
      <c r="H33" s="34"/>
      <c r="I33" s="28"/>
      <c r="J33" s="26"/>
      <c r="K33" s="32" t="s">
        <v>7</v>
      </c>
      <c r="L33" s="26"/>
      <c r="M33" s="26"/>
      <c r="N33" s="33" t="s">
        <v>31</v>
      </c>
      <c r="O33" s="26"/>
      <c r="P33" s="26"/>
      <c r="Q33" s="32" t="s">
        <v>7</v>
      </c>
      <c r="R33" s="24"/>
      <c r="S33" s="24"/>
      <c r="T33" s="23"/>
    </row>
    <row r="34" spans="1:20" s="3" customFormat="1" ht="16.350000000000001" customHeight="1" x14ac:dyDescent="0.4">
      <c r="A34" s="126"/>
      <c r="B34" s="31" t="s">
        <v>9</v>
      </c>
      <c r="C34" s="30"/>
      <c r="D34" s="30"/>
      <c r="E34" s="30"/>
      <c r="F34" s="30"/>
      <c r="G34" s="30"/>
      <c r="H34" s="29"/>
      <c r="I34" s="28"/>
      <c r="J34" s="26"/>
      <c r="K34" s="25" t="s">
        <v>7</v>
      </c>
      <c r="L34" s="26"/>
      <c r="M34" s="26"/>
      <c r="N34" s="27" t="s">
        <v>81</v>
      </c>
      <c r="O34" s="26"/>
      <c r="P34" s="26"/>
      <c r="Q34" s="25" t="s">
        <v>7</v>
      </c>
      <c r="R34" s="24"/>
      <c r="S34" s="24"/>
      <c r="T34" s="23"/>
    </row>
    <row r="35" spans="1:20" s="3" customFormat="1" ht="16.350000000000001" customHeight="1" thickBot="1" x14ac:dyDescent="0.45">
      <c r="A35" s="136"/>
      <c r="B35" s="73" t="s">
        <v>6</v>
      </c>
      <c r="C35" s="15"/>
      <c r="D35" s="15"/>
      <c r="E35" s="15"/>
      <c r="F35" s="15"/>
      <c r="G35" s="15"/>
      <c r="H35" s="19"/>
      <c r="I35" s="18"/>
      <c r="J35" s="17"/>
      <c r="K35" s="17"/>
      <c r="L35" s="13" t="s">
        <v>5</v>
      </c>
      <c r="M35" s="13"/>
      <c r="N35" s="16"/>
      <c r="O35" s="15"/>
      <c r="P35" s="15"/>
      <c r="Q35" s="14"/>
      <c r="R35" s="13"/>
      <c r="S35" s="13"/>
      <c r="T35" s="12"/>
    </row>
    <row r="36" spans="1:20" s="3" customFormat="1" ht="15" customHeight="1" x14ac:dyDescent="0.4">
      <c r="A36" s="133" t="s">
        <v>80</v>
      </c>
      <c r="B36" s="135" t="s">
        <v>75</v>
      </c>
      <c r="C36" s="71"/>
      <c r="D36" s="71"/>
      <c r="E36" s="71"/>
      <c r="F36" s="71"/>
      <c r="G36" s="71"/>
      <c r="H36" s="71"/>
      <c r="I36" s="71"/>
      <c r="J36" s="71"/>
      <c r="K36" s="71"/>
      <c r="L36" s="71"/>
      <c r="M36" s="71"/>
      <c r="N36" s="71"/>
      <c r="O36" s="71"/>
      <c r="P36" s="71"/>
      <c r="Q36" s="71"/>
      <c r="R36" s="71"/>
      <c r="S36" s="71"/>
      <c r="T36" s="70"/>
    </row>
    <row r="37" spans="1:20" s="3" customFormat="1" ht="15" customHeight="1" x14ac:dyDescent="0.4">
      <c r="A37" s="126"/>
      <c r="B37" s="69" t="s">
        <v>74</v>
      </c>
      <c r="C37" s="68"/>
      <c r="D37" s="67"/>
      <c r="E37" s="97" t="s">
        <v>73</v>
      </c>
      <c r="F37" s="68"/>
      <c r="G37" s="68"/>
      <c r="H37" s="132"/>
      <c r="I37" s="69" t="s">
        <v>72</v>
      </c>
      <c r="J37" s="68"/>
      <c r="K37" s="68"/>
      <c r="L37" s="67"/>
      <c r="M37" s="88" t="s">
        <v>71</v>
      </c>
      <c r="N37" s="115"/>
      <c r="O37" s="115"/>
      <c r="P37" s="87"/>
      <c r="Q37" s="88" t="s">
        <v>70</v>
      </c>
      <c r="R37" s="115"/>
      <c r="S37" s="115"/>
      <c r="T37" s="129"/>
    </row>
    <row r="38" spans="1:20" s="3" customFormat="1" ht="15" customHeight="1" x14ac:dyDescent="0.4">
      <c r="A38" s="126"/>
      <c r="B38" s="41"/>
      <c r="C38" s="62"/>
      <c r="D38" s="61"/>
      <c r="E38" s="88" t="s">
        <v>69</v>
      </c>
      <c r="F38" s="87"/>
      <c r="G38" s="88" t="s">
        <v>68</v>
      </c>
      <c r="H38" s="87"/>
      <c r="I38" s="88" t="s">
        <v>69</v>
      </c>
      <c r="J38" s="87"/>
      <c r="K38" s="88" t="s">
        <v>68</v>
      </c>
      <c r="L38" s="87"/>
      <c r="M38" s="88" t="s">
        <v>69</v>
      </c>
      <c r="N38" s="87"/>
      <c r="O38" s="88" t="s">
        <v>68</v>
      </c>
      <c r="P38" s="87"/>
      <c r="Q38" s="115" t="s">
        <v>69</v>
      </c>
      <c r="R38" s="87"/>
      <c r="S38" s="88" t="s">
        <v>68</v>
      </c>
      <c r="T38" s="129"/>
    </row>
    <row r="39" spans="1:20" s="3" customFormat="1" ht="15" customHeight="1" x14ac:dyDescent="0.4">
      <c r="A39" s="126"/>
      <c r="B39" s="131"/>
      <c r="C39" s="88" t="s">
        <v>79</v>
      </c>
      <c r="D39" s="87"/>
      <c r="E39" s="88"/>
      <c r="F39" s="87"/>
      <c r="G39" s="88"/>
      <c r="H39" s="87"/>
      <c r="I39" s="88"/>
      <c r="J39" s="87"/>
      <c r="K39" s="88"/>
      <c r="L39" s="87"/>
      <c r="M39" s="88"/>
      <c r="N39" s="87"/>
      <c r="O39" s="88"/>
      <c r="P39" s="87"/>
      <c r="Q39" s="115"/>
      <c r="R39" s="87"/>
      <c r="S39" s="88"/>
      <c r="T39" s="129"/>
    </row>
    <row r="40" spans="1:20" s="3" customFormat="1" ht="15" customHeight="1" x14ac:dyDescent="0.4">
      <c r="A40" s="126"/>
      <c r="B40" s="130"/>
      <c r="C40" s="88" t="s">
        <v>78</v>
      </c>
      <c r="D40" s="87"/>
      <c r="E40" s="88"/>
      <c r="F40" s="87"/>
      <c r="G40" s="88"/>
      <c r="H40" s="87"/>
      <c r="I40" s="88"/>
      <c r="J40" s="87"/>
      <c r="K40" s="88"/>
      <c r="L40" s="87"/>
      <c r="M40" s="88"/>
      <c r="N40" s="87"/>
      <c r="O40" s="88"/>
      <c r="P40" s="87"/>
      <c r="Q40" s="115"/>
      <c r="R40" s="87"/>
      <c r="S40" s="88"/>
      <c r="T40" s="129"/>
    </row>
    <row r="41" spans="1:20" s="3" customFormat="1" ht="15" customHeight="1" x14ac:dyDescent="0.4">
      <c r="A41" s="126"/>
      <c r="B41" s="134" t="s">
        <v>27</v>
      </c>
      <c r="C41" s="128"/>
      <c r="D41" s="128"/>
      <c r="E41" s="128"/>
      <c r="F41" s="128"/>
      <c r="G41" s="128"/>
      <c r="H41" s="128"/>
      <c r="I41" s="128"/>
      <c r="J41" s="128"/>
      <c r="K41" s="128"/>
      <c r="L41" s="128"/>
      <c r="M41" s="128"/>
      <c r="N41" s="128"/>
      <c r="O41" s="128"/>
      <c r="P41" s="128"/>
      <c r="Q41" s="128"/>
      <c r="R41" s="128"/>
      <c r="S41" s="128"/>
      <c r="T41" s="127"/>
    </row>
    <row r="42" spans="1:20" s="3" customFormat="1" ht="16.350000000000001" customHeight="1" x14ac:dyDescent="0.4">
      <c r="A42" s="126"/>
      <c r="B42" s="69" t="s">
        <v>26</v>
      </c>
      <c r="C42" s="68"/>
      <c r="D42" s="67"/>
      <c r="E42" s="66" t="s">
        <v>25</v>
      </c>
      <c r="F42" s="65"/>
      <c r="G42" s="64" t="s">
        <v>24</v>
      </c>
      <c r="H42" s="65"/>
      <c r="I42" s="64" t="s">
        <v>23</v>
      </c>
      <c r="J42" s="65"/>
      <c r="K42" s="64" t="s">
        <v>22</v>
      </c>
      <c r="L42" s="65"/>
      <c r="M42" s="64" t="s">
        <v>21</v>
      </c>
      <c r="N42" s="65"/>
      <c r="O42" s="64" t="s">
        <v>20</v>
      </c>
      <c r="P42" s="65"/>
      <c r="Q42" s="64" t="s">
        <v>19</v>
      </c>
      <c r="R42" s="65"/>
      <c r="S42" s="64" t="s">
        <v>18</v>
      </c>
      <c r="T42" s="63"/>
    </row>
    <row r="43" spans="1:20" s="3" customFormat="1" ht="15.6" customHeight="1" x14ac:dyDescent="0.4">
      <c r="A43" s="126"/>
      <c r="B43" s="41"/>
      <c r="C43" s="62"/>
      <c r="D43" s="61"/>
      <c r="E43" s="60"/>
      <c r="F43" s="59"/>
      <c r="G43" s="60"/>
      <c r="H43" s="59"/>
      <c r="I43" s="60"/>
      <c r="J43" s="59"/>
      <c r="K43" s="60"/>
      <c r="L43" s="59"/>
      <c r="M43" s="60"/>
      <c r="N43" s="59"/>
      <c r="O43" s="60"/>
      <c r="P43" s="59"/>
      <c r="Q43" s="60"/>
      <c r="R43" s="59"/>
      <c r="S43" s="58"/>
      <c r="T43" s="57"/>
    </row>
    <row r="44" spans="1:20" s="3" customFormat="1" ht="15.6" customHeight="1" x14ac:dyDescent="0.4">
      <c r="A44" s="126"/>
      <c r="B44" s="37"/>
      <c r="C44" s="56"/>
      <c r="D44" s="55"/>
      <c r="E44" s="54" t="s">
        <v>38</v>
      </c>
      <c r="F44" s="53"/>
      <c r="G44" s="53"/>
      <c r="H44" s="52"/>
      <c r="I44" s="51"/>
      <c r="J44" s="50"/>
      <c r="K44" s="50"/>
      <c r="L44" s="50"/>
      <c r="M44" s="50"/>
      <c r="N44" s="50"/>
      <c r="O44" s="50"/>
      <c r="P44" s="50"/>
      <c r="Q44" s="50"/>
      <c r="R44" s="50"/>
      <c r="S44" s="50"/>
      <c r="T44" s="49"/>
    </row>
    <row r="45" spans="1:20" s="3" customFormat="1" ht="15.95" customHeight="1" x14ac:dyDescent="0.4">
      <c r="A45" s="126"/>
      <c r="B45" s="48" t="s">
        <v>77</v>
      </c>
      <c r="C45" s="47"/>
      <c r="D45" s="47"/>
      <c r="E45" s="46"/>
      <c r="F45" s="46"/>
      <c r="G45" s="46"/>
      <c r="H45" s="45"/>
      <c r="I45" s="28"/>
      <c r="J45" s="26"/>
      <c r="K45" s="32" t="s">
        <v>7</v>
      </c>
      <c r="L45" s="26"/>
      <c r="M45" s="26"/>
      <c r="N45" s="33" t="s">
        <v>29</v>
      </c>
      <c r="O45" s="26"/>
      <c r="P45" s="26"/>
      <c r="Q45" s="32" t="s">
        <v>7</v>
      </c>
      <c r="R45" s="24"/>
      <c r="S45" s="24"/>
      <c r="T45" s="23"/>
    </row>
    <row r="46" spans="1:20" s="3" customFormat="1" ht="15.95" customHeight="1" x14ac:dyDescent="0.4">
      <c r="A46" s="126"/>
      <c r="B46" s="43"/>
      <c r="C46" s="42"/>
      <c r="D46" s="42"/>
      <c r="E46" s="21" t="s">
        <v>36</v>
      </c>
      <c r="F46" s="44"/>
      <c r="G46" s="35" t="s">
        <v>14</v>
      </c>
      <c r="H46" s="34"/>
      <c r="I46" s="28"/>
      <c r="J46" s="26"/>
      <c r="K46" s="32" t="s">
        <v>7</v>
      </c>
      <c r="L46" s="26"/>
      <c r="M46" s="26"/>
      <c r="N46" s="33" t="s">
        <v>29</v>
      </c>
      <c r="O46" s="26"/>
      <c r="P46" s="26"/>
      <c r="Q46" s="32" t="s">
        <v>7</v>
      </c>
      <c r="R46" s="24"/>
      <c r="S46" s="24"/>
      <c r="T46" s="23"/>
    </row>
    <row r="47" spans="1:20" s="3" customFormat="1" ht="15.95" customHeight="1" x14ac:dyDescent="0.4">
      <c r="A47" s="126"/>
      <c r="B47" s="43"/>
      <c r="C47" s="42"/>
      <c r="D47" s="42"/>
      <c r="E47" s="41"/>
      <c r="F47" s="40"/>
      <c r="G47" s="35" t="s">
        <v>13</v>
      </c>
      <c r="H47" s="34"/>
      <c r="I47" s="28"/>
      <c r="J47" s="26"/>
      <c r="K47" s="32" t="s">
        <v>7</v>
      </c>
      <c r="L47" s="26"/>
      <c r="M47" s="26"/>
      <c r="N47" s="33" t="s">
        <v>29</v>
      </c>
      <c r="O47" s="26"/>
      <c r="P47" s="26"/>
      <c r="Q47" s="32" t="s">
        <v>7</v>
      </c>
      <c r="R47" s="24"/>
      <c r="S47" s="24"/>
      <c r="T47" s="23"/>
    </row>
    <row r="48" spans="1:20" s="3" customFormat="1" ht="15.95" customHeight="1" x14ac:dyDescent="0.4">
      <c r="A48" s="126"/>
      <c r="B48" s="39"/>
      <c r="C48" s="38"/>
      <c r="D48" s="38"/>
      <c r="E48" s="37"/>
      <c r="F48" s="36"/>
      <c r="G48" s="35" t="s">
        <v>11</v>
      </c>
      <c r="H48" s="34"/>
      <c r="I48" s="28"/>
      <c r="J48" s="26"/>
      <c r="K48" s="32" t="s">
        <v>7</v>
      </c>
      <c r="L48" s="26"/>
      <c r="M48" s="26"/>
      <c r="N48" s="33" t="s">
        <v>29</v>
      </c>
      <c r="O48" s="26"/>
      <c r="P48" s="26"/>
      <c r="Q48" s="32" t="s">
        <v>7</v>
      </c>
      <c r="R48" s="24"/>
      <c r="S48" s="24"/>
      <c r="T48" s="23"/>
    </row>
    <row r="49" spans="1:20" s="3" customFormat="1" ht="16.350000000000001" customHeight="1" x14ac:dyDescent="0.4">
      <c r="A49" s="126"/>
      <c r="B49" s="31" t="s">
        <v>9</v>
      </c>
      <c r="C49" s="30"/>
      <c r="D49" s="30"/>
      <c r="E49" s="30"/>
      <c r="F49" s="30"/>
      <c r="G49" s="30"/>
      <c r="H49" s="29"/>
      <c r="I49" s="28"/>
      <c r="J49" s="26"/>
      <c r="K49" s="25" t="s">
        <v>7</v>
      </c>
      <c r="L49" s="26"/>
      <c r="M49" s="26"/>
      <c r="N49" s="27" t="s">
        <v>31</v>
      </c>
      <c r="O49" s="26"/>
      <c r="P49" s="26"/>
      <c r="Q49" s="25" t="s">
        <v>7</v>
      </c>
      <c r="R49" s="24"/>
      <c r="S49" s="24"/>
      <c r="T49" s="23"/>
    </row>
    <row r="50" spans="1:20" s="3" customFormat="1" ht="16.350000000000001" customHeight="1" thickBot="1" x14ac:dyDescent="0.45">
      <c r="A50" s="126"/>
      <c r="B50" s="73" t="s">
        <v>6</v>
      </c>
      <c r="C50" s="15"/>
      <c r="D50" s="15"/>
      <c r="E50" s="15"/>
      <c r="F50" s="15"/>
      <c r="G50" s="15"/>
      <c r="H50" s="19"/>
      <c r="I50" s="18"/>
      <c r="J50" s="17"/>
      <c r="K50" s="17"/>
      <c r="L50" s="13" t="s">
        <v>5</v>
      </c>
      <c r="M50" s="13"/>
      <c r="N50" s="16"/>
      <c r="O50" s="15"/>
      <c r="P50" s="15"/>
      <c r="Q50" s="14"/>
      <c r="R50" s="13"/>
      <c r="S50" s="13"/>
      <c r="T50" s="12"/>
    </row>
    <row r="51" spans="1:20" s="3" customFormat="1" ht="15" customHeight="1" x14ac:dyDescent="0.4">
      <c r="A51" s="133" t="s">
        <v>76</v>
      </c>
      <c r="B51" s="71" t="s">
        <v>75</v>
      </c>
      <c r="C51" s="71"/>
      <c r="D51" s="71"/>
      <c r="E51" s="71"/>
      <c r="F51" s="71"/>
      <c r="G51" s="71"/>
      <c r="H51" s="71"/>
      <c r="I51" s="71"/>
      <c r="J51" s="71"/>
      <c r="K51" s="71"/>
      <c r="L51" s="71"/>
      <c r="M51" s="71"/>
      <c r="N51" s="71"/>
      <c r="O51" s="71"/>
      <c r="P51" s="71"/>
      <c r="Q51" s="71"/>
      <c r="R51" s="71"/>
      <c r="S51" s="71"/>
      <c r="T51" s="70"/>
    </row>
    <row r="52" spans="1:20" s="3" customFormat="1" ht="15" customHeight="1" x14ac:dyDescent="0.4">
      <c r="A52" s="126"/>
      <c r="B52" s="69" t="s">
        <v>74</v>
      </c>
      <c r="C52" s="68"/>
      <c r="D52" s="67"/>
      <c r="E52" s="97" t="s">
        <v>73</v>
      </c>
      <c r="F52" s="68"/>
      <c r="G52" s="68"/>
      <c r="H52" s="132"/>
      <c r="I52" s="69" t="s">
        <v>72</v>
      </c>
      <c r="J52" s="68"/>
      <c r="K52" s="68"/>
      <c r="L52" s="67"/>
      <c r="M52" s="88" t="s">
        <v>71</v>
      </c>
      <c r="N52" s="115"/>
      <c r="O52" s="115"/>
      <c r="P52" s="87"/>
      <c r="Q52" s="88" t="s">
        <v>70</v>
      </c>
      <c r="R52" s="115"/>
      <c r="S52" s="115"/>
      <c r="T52" s="129"/>
    </row>
    <row r="53" spans="1:20" s="3" customFormat="1" ht="15" customHeight="1" x14ac:dyDescent="0.4">
      <c r="A53" s="126"/>
      <c r="B53" s="41"/>
      <c r="C53" s="62"/>
      <c r="D53" s="61"/>
      <c r="E53" s="88" t="s">
        <v>69</v>
      </c>
      <c r="F53" s="87"/>
      <c r="G53" s="88" t="s">
        <v>68</v>
      </c>
      <c r="H53" s="87"/>
      <c r="I53" s="88" t="s">
        <v>69</v>
      </c>
      <c r="J53" s="87"/>
      <c r="K53" s="88" t="s">
        <v>68</v>
      </c>
      <c r="L53" s="87"/>
      <c r="M53" s="88" t="s">
        <v>69</v>
      </c>
      <c r="N53" s="87"/>
      <c r="O53" s="88" t="s">
        <v>68</v>
      </c>
      <c r="P53" s="87"/>
      <c r="Q53" s="115" t="s">
        <v>69</v>
      </c>
      <c r="R53" s="87"/>
      <c r="S53" s="88" t="s">
        <v>68</v>
      </c>
      <c r="T53" s="129"/>
    </row>
    <row r="54" spans="1:20" s="3" customFormat="1" ht="15" customHeight="1" x14ac:dyDescent="0.4">
      <c r="A54" s="126"/>
      <c r="B54" s="131"/>
      <c r="C54" s="88" t="s">
        <v>67</v>
      </c>
      <c r="D54" s="87"/>
      <c r="E54" s="88"/>
      <c r="F54" s="87"/>
      <c r="G54" s="88"/>
      <c r="H54" s="87"/>
      <c r="I54" s="88"/>
      <c r="J54" s="87"/>
      <c r="K54" s="88"/>
      <c r="L54" s="87"/>
      <c r="M54" s="88"/>
      <c r="N54" s="87"/>
      <c r="O54" s="88"/>
      <c r="P54" s="87"/>
      <c r="Q54" s="115"/>
      <c r="R54" s="87"/>
      <c r="S54" s="88"/>
      <c r="T54" s="129"/>
    </row>
    <row r="55" spans="1:20" s="3" customFormat="1" ht="15" customHeight="1" x14ac:dyDescent="0.4">
      <c r="A55" s="126"/>
      <c r="B55" s="130"/>
      <c r="C55" s="88" t="s">
        <v>66</v>
      </c>
      <c r="D55" s="87"/>
      <c r="E55" s="88"/>
      <c r="F55" s="87"/>
      <c r="G55" s="88"/>
      <c r="H55" s="87"/>
      <c r="I55" s="88"/>
      <c r="J55" s="87"/>
      <c r="K55" s="88"/>
      <c r="L55" s="87"/>
      <c r="M55" s="88"/>
      <c r="N55" s="87"/>
      <c r="O55" s="88"/>
      <c r="P55" s="87"/>
      <c r="Q55" s="115"/>
      <c r="R55" s="87"/>
      <c r="S55" s="88"/>
      <c r="T55" s="129"/>
    </row>
    <row r="56" spans="1:20" s="3" customFormat="1" ht="15" customHeight="1" x14ac:dyDescent="0.4">
      <c r="A56" s="126"/>
      <c r="B56" s="128" t="s">
        <v>27</v>
      </c>
      <c r="C56" s="128"/>
      <c r="D56" s="128"/>
      <c r="E56" s="128"/>
      <c r="F56" s="128"/>
      <c r="G56" s="128"/>
      <c r="H56" s="128"/>
      <c r="I56" s="128"/>
      <c r="J56" s="128"/>
      <c r="K56" s="128"/>
      <c r="L56" s="128"/>
      <c r="M56" s="128"/>
      <c r="N56" s="128"/>
      <c r="O56" s="128"/>
      <c r="P56" s="128"/>
      <c r="Q56" s="128"/>
      <c r="R56" s="128"/>
      <c r="S56" s="128"/>
      <c r="T56" s="127"/>
    </row>
    <row r="57" spans="1:20" s="3" customFormat="1" ht="16.350000000000001" customHeight="1" x14ac:dyDescent="0.4">
      <c r="A57" s="126"/>
      <c r="B57" s="69" t="s">
        <v>26</v>
      </c>
      <c r="C57" s="68"/>
      <c r="D57" s="67"/>
      <c r="E57" s="66" t="s">
        <v>25</v>
      </c>
      <c r="F57" s="65"/>
      <c r="G57" s="64" t="s">
        <v>24</v>
      </c>
      <c r="H57" s="65"/>
      <c r="I57" s="64" t="s">
        <v>23</v>
      </c>
      <c r="J57" s="65"/>
      <c r="K57" s="64" t="s">
        <v>22</v>
      </c>
      <c r="L57" s="65"/>
      <c r="M57" s="64" t="s">
        <v>21</v>
      </c>
      <c r="N57" s="65"/>
      <c r="O57" s="64" t="s">
        <v>20</v>
      </c>
      <c r="P57" s="65"/>
      <c r="Q57" s="64" t="s">
        <v>19</v>
      </c>
      <c r="R57" s="65"/>
      <c r="S57" s="64" t="s">
        <v>18</v>
      </c>
      <c r="T57" s="63"/>
    </row>
    <row r="58" spans="1:20" s="3" customFormat="1" ht="15.6" customHeight="1" x14ac:dyDescent="0.4">
      <c r="A58" s="126"/>
      <c r="B58" s="41"/>
      <c r="C58" s="62"/>
      <c r="D58" s="61"/>
      <c r="E58" s="60"/>
      <c r="F58" s="59"/>
      <c r="G58" s="60"/>
      <c r="H58" s="59"/>
      <c r="I58" s="60"/>
      <c r="J58" s="59"/>
      <c r="K58" s="60"/>
      <c r="L58" s="59"/>
      <c r="M58" s="60"/>
      <c r="N58" s="59"/>
      <c r="O58" s="60"/>
      <c r="P58" s="59"/>
      <c r="Q58" s="60"/>
      <c r="R58" s="59"/>
      <c r="S58" s="58"/>
      <c r="T58" s="57"/>
    </row>
    <row r="59" spans="1:20" s="3" customFormat="1" ht="15.6" customHeight="1" x14ac:dyDescent="0.4">
      <c r="A59" s="126"/>
      <c r="B59" s="37"/>
      <c r="C59" s="56"/>
      <c r="D59" s="55"/>
      <c r="E59" s="54" t="s">
        <v>65</v>
      </c>
      <c r="F59" s="53"/>
      <c r="G59" s="53"/>
      <c r="H59" s="52"/>
      <c r="I59" s="51"/>
      <c r="J59" s="50"/>
      <c r="K59" s="50"/>
      <c r="L59" s="50"/>
      <c r="M59" s="50"/>
      <c r="N59" s="50"/>
      <c r="O59" s="50"/>
      <c r="P59" s="50"/>
      <c r="Q59" s="50"/>
      <c r="R59" s="50"/>
      <c r="S59" s="50"/>
      <c r="T59" s="49"/>
    </row>
    <row r="60" spans="1:20" s="3" customFormat="1" ht="15.95" customHeight="1" x14ac:dyDescent="0.4">
      <c r="A60" s="126"/>
      <c r="B60" s="48" t="s">
        <v>32</v>
      </c>
      <c r="C60" s="47"/>
      <c r="D60" s="47"/>
      <c r="E60" s="46"/>
      <c r="F60" s="46"/>
      <c r="G60" s="46"/>
      <c r="H60" s="45"/>
      <c r="I60" s="28"/>
      <c r="J60" s="26"/>
      <c r="K60" s="32" t="s">
        <v>7</v>
      </c>
      <c r="L60" s="26"/>
      <c r="M60" s="26"/>
      <c r="N60" s="33" t="s">
        <v>64</v>
      </c>
      <c r="O60" s="26"/>
      <c r="P60" s="26"/>
      <c r="Q60" s="32" t="s">
        <v>7</v>
      </c>
      <c r="R60" s="24"/>
      <c r="S60" s="24"/>
      <c r="T60" s="23"/>
    </row>
    <row r="61" spans="1:20" s="3" customFormat="1" ht="15.95" customHeight="1" x14ac:dyDescent="0.4">
      <c r="A61" s="126"/>
      <c r="B61" s="43"/>
      <c r="C61" s="42"/>
      <c r="D61" s="42"/>
      <c r="E61" s="21" t="s">
        <v>30</v>
      </c>
      <c r="F61" s="44"/>
      <c r="G61" s="35" t="s">
        <v>14</v>
      </c>
      <c r="H61" s="34"/>
      <c r="I61" s="28"/>
      <c r="J61" s="26"/>
      <c r="K61" s="32" t="s">
        <v>7</v>
      </c>
      <c r="L61" s="26"/>
      <c r="M61" s="26"/>
      <c r="N61" s="33" t="s">
        <v>31</v>
      </c>
      <c r="O61" s="26"/>
      <c r="P61" s="26"/>
      <c r="Q61" s="32" t="s">
        <v>7</v>
      </c>
      <c r="R61" s="24"/>
      <c r="S61" s="24"/>
      <c r="T61" s="23"/>
    </row>
    <row r="62" spans="1:20" s="3" customFormat="1" ht="15.95" customHeight="1" x14ac:dyDescent="0.4">
      <c r="A62" s="126"/>
      <c r="B62" s="43"/>
      <c r="C62" s="42"/>
      <c r="D62" s="42"/>
      <c r="E62" s="41"/>
      <c r="F62" s="40"/>
      <c r="G62" s="35" t="s">
        <v>13</v>
      </c>
      <c r="H62" s="34"/>
      <c r="I62" s="28"/>
      <c r="J62" s="26"/>
      <c r="K62" s="32" t="s">
        <v>7</v>
      </c>
      <c r="L62" s="26"/>
      <c r="M62" s="26"/>
      <c r="N62" s="33" t="s">
        <v>31</v>
      </c>
      <c r="O62" s="26"/>
      <c r="P62" s="26"/>
      <c r="Q62" s="32" t="s">
        <v>7</v>
      </c>
      <c r="R62" s="24"/>
      <c r="S62" s="24"/>
      <c r="T62" s="23"/>
    </row>
    <row r="63" spans="1:20" s="3" customFormat="1" ht="15.95" customHeight="1" x14ac:dyDescent="0.4">
      <c r="A63" s="126"/>
      <c r="B63" s="39"/>
      <c r="C63" s="38"/>
      <c r="D63" s="38"/>
      <c r="E63" s="37"/>
      <c r="F63" s="36"/>
      <c r="G63" s="35" t="s">
        <v>11</v>
      </c>
      <c r="H63" s="34"/>
      <c r="I63" s="28"/>
      <c r="J63" s="26"/>
      <c r="K63" s="32" t="s">
        <v>7</v>
      </c>
      <c r="L63" s="26"/>
      <c r="M63" s="26"/>
      <c r="N63" s="33" t="s">
        <v>64</v>
      </c>
      <c r="O63" s="26"/>
      <c r="P63" s="26"/>
      <c r="Q63" s="32" t="s">
        <v>7</v>
      </c>
      <c r="R63" s="24"/>
      <c r="S63" s="24"/>
      <c r="T63" s="23"/>
    </row>
    <row r="64" spans="1:20" s="3" customFormat="1" ht="16.350000000000001" customHeight="1" x14ac:dyDescent="0.4">
      <c r="A64" s="126"/>
      <c r="B64" s="31" t="s">
        <v>9</v>
      </c>
      <c r="C64" s="30"/>
      <c r="D64" s="30"/>
      <c r="E64" s="30"/>
      <c r="F64" s="30"/>
      <c r="G64" s="30"/>
      <c r="H64" s="29"/>
      <c r="I64" s="28"/>
      <c r="J64" s="26"/>
      <c r="K64" s="25" t="s">
        <v>7</v>
      </c>
      <c r="L64" s="26"/>
      <c r="M64" s="26"/>
      <c r="N64" s="27" t="s">
        <v>31</v>
      </c>
      <c r="O64" s="26"/>
      <c r="P64" s="26"/>
      <c r="Q64" s="25" t="s">
        <v>7</v>
      </c>
      <c r="R64" s="24"/>
      <c r="S64" s="24"/>
      <c r="T64" s="23"/>
    </row>
    <row r="65" spans="1:20" s="3" customFormat="1" ht="16.350000000000001" customHeight="1" thickBot="1" x14ac:dyDescent="0.45">
      <c r="A65" s="126"/>
      <c r="B65" s="73" t="s">
        <v>6</v>
      </c>
      <c r="C65" s="15"/>
      <c r="D65" s="15"/>
      <c r="E65" s="15"/>
      <c r="F65" s="15"/>
      <c r="G65" s="15"/>
      <c r="H65" s="19"/>
      <c r="I65" s="18"/>
      <c r="J65" s="17"/>
      <c r="K65" s="17"/>
      <c r="L65" s="13" t="s">
        <v>5</v>
      </c>
      <c r="M65" s="13"/>
      <c r="N65" s="16"/>
      <c r="O65" s="15"/>
      <c r="P65" s="15"/>
      <c r="Q65" s="14"/>
      <c r="R65" s="13"/>
      <c r="S65" s="13"/>
      <c r="T65" s="12"/>
    </row>
    <row r="66" spans="1:20" s="3" customFormat="1" ht="15" customHeight="1" thickBot="1" x14ac:dyDescent="0.45">
      <c r="A66" s="11" t="s">
        <v>63</v>
      </c>
      <c r="B66" s="10"/>
      <c r="C66" s="10"/>
      <c r="D66" s="9"/>
      <c r="E66" s="125" t="s">
        <v>62</v>
      </c>
      <c r="F66" s="124"/>
      <c r="G66" s="124"/>
      <c r="H66" s="124"/>
      <c r="I66" s="124"/>
      <c r="J66" s="124"/>
      <c r="K66" s="124"/>
      <c r="L66" s="124"/>
      <c r="M66" s="124"/>
      <c r="N66" s="124"/>
      <c r="O66" s="124"/>
      <c r="P66" s="124"/>
      <c r="Q66" s="124"/>
      <c r="R66" s="124"/>
      <c r="S66" s="124"/>
      <c r="T66" s="123"/>
    </row>
    <row r="67" spans="1:20" s="3" customFormat="1" ht="25.5" customHeight="1" x14ac:dyDescent="0.4">
      <c r="A67" s="5"/>
      <c r="B67" s="5"/>
      <c r="C67" s="5"/>
      <c r="D67" s="5"/>
      <c r="E67" s="5"/>
      <c r="F67" s="5"/>
      <c r="G67" s="4"/>
      <c r="H67" s="4"/>
      <c r="I67" s="4"/>
      <c r="J67" s="4"/>
      <c r="K67" s="4"/>
      <c r="L67" s="4"/>
      <c r="M67" s="4"/>
      <c r="N67" s="4"/>
      <c r="O67" s="4"/>
      <c r="P67" s="4"/>
      <c r="Q67" s="4"/>
      <c r="R67" s="4" t="s">
        <v>61</v>
      </c>
      <c r="S67" s="4"/>
      <c r="T67" s="4"/>
    </row>
    <row r="68" spans="1:20" s="3" customFormat="1" ht="29.1" customHeight="1" thickBot="1" x14ac:dyDescent="0.45">
      <c r="A68" s="122" t="s">
        <v>60</v>
      </c>
      <c r="B68" s="122"/>
      <c r="C68" s="122"/>
      <c r="D68" s="122"/>
      <c r="E68" s="122"/>
      <c r="F68" s="122"/>
      <c r="G68" s="122"/>
      <c r="H68" s="122"/>
      <c r="I68" s="122"/>
      <c r="J68" s="122"/>
      <c r="K68" s="122"/>
      <c r="L68" s="122"/>
      <c r="M68" s="122"/>
      <c r="N68" s="122"/>
      <c r="O68" s="122"/>
      <c r="P68" s="122"/>
      <c r="Q68" s="122"/>
      <c r="R68" s="122"/>
      <c r="S68" s="122"/>
      <c r="T68" s="122"/>
    </row>
    <row r="69" spans="1:20" s="3" customFormat="1" ht="15" customHeight="1" x14ac:dyDescent="0.4">
      <c r="A69" s="121" t="s">
        <v>59</v>
      </c>
      <c r="B69" s="120" t="s">
        <v>58</v>
      </c>
      <c r="C69" s="119"/>
      <c r="D69" s="118"/>
      <c r="E69" s="117"/>
      <c r="F69" s="117"/>
      <c r="G69" s="117"/>
      <c r="H69" s="117"/>
      <c r="I69" s="117"/>
      <c r="J69" s="117"/>
      <c r="K69" s="117"/>
      <c r="L69" s="117"/>
      <c r="M69" s="117"/>
      <c r="N69" s="117"/>
      <c r="O69" s="117"/>
      <c r="P69" s="117"/>
      <c r="Q69" s="117"/>
      <c r="R69" s="117"/>
      <c r="S69" s="117"/>
      <c r="T69" s="116"/>
    </row>
    <row r="70" spans="1:20" s="3" customFormat="1" ht="15" customHeight="1" x14ac:dyDescent="0.4">
      <c r="A70" s="90"/>
      <c r="B70" s="88" t="s">
        <v>57</v>
      </c>
      <c r="C70" s="115"/>
      <c r="D70" s="87"/>
      <c r="E70" s="114"/>
      <c r="F70" s="114"/>
      <c r="G70" s="114"/>
      <c r="H70" s="114"/>
      <c r="I70" s="114"/>
      <c r="J70" s="114"/>
      <c r="K70" s="114"/>
      <c r="L70" s="114"/>
      <c r="M70" s="114"/>
      <c r="N70" s="114"/>
      <c r="O70" s="114"/>
      <c r="P70" s="114"/>
      <c r="Q70" s="114"/>
      <c r="R70" s="114"/>
      <c r="S70" s="114"/>
      <c r="T70" s="113"/>
    </row>
    <row r="71" spans="1:20" s="3" customFormat="1" ht="15" customHeight="1" x14ac:dyDescent="0.4">
      <c r="A71" s="90"/>
      <c r="B71" s="97" t="s">
        <v>56</v>
      </c>
      <c r="C71" s="68"/>
      <c r="D71" s="67"/>
      <c r="E71" s="97" t="s">
        <v>55</v>
      </c>
      <c r="F71" s="68"/>
      <c r="G71" s="112"/>
      <c r="H71" s="111" t="s">
        <v>54</v>
      </c>
      <c r="I71" s="112"/>
      <c r="J71" s="111" t="s">
        <v>53</v>
      </c>
      <c r="K71" s="68"/>
      <c r="L71" s="68"/>
      <c r="M71" s="68"/>
      <c r="N71" s="68"/>
      <c r="O71" s="68"/>
      <c r="P71" s="68"/>
      <c r="Q71" s="68"/>
      <c r="R71" s="68"/>
      <c r="S71" s="68"/>
      <c r="T71" s="110"/>
    </row>
    <row r="72" spans="1:20" s="3" customFormat="1" ht="15" customHeight="1" x14ac:dyDescent="0.4">
      <c r="A72" s="90"/>
      <c r="B72" s="109"/>
      <c r="C72" s="62"/>
      <c r="D72" s="61"/>
      <c r="E72" s="108"/>
      <c r="F72" s="106"/>
      <c r="G72" s="106"/>
      <c r="H72" s="107" t="s">
        <v>52</v>
      </c>
      <c r="I72" s="106"/>
      <c r="J72" s="106"/>
      <c r="K72" s="106"/>
      <c r="L72" s="106"/>
      <c r="M72" s="106"/>
      <c r="N72" s="107" t="s">
        <v>51</v>
      </c>
      <c r="O72" s="106"/>
      <c r="P72" s="106"/>
      <c r="Q72" s="106"/>
      <c r="R72" s="106"/>
      <c r="S72" s="106"/>
      <c r="T72" s="105"/>
    </row>
    <row r="73" spans="1:20" s="3" customFormat="1" ht="15" customHeight="1" x14ac:dyDescent="0.4">
      <c r="A73" s="90"/>
      <c r="B73" s="109"/>
      <c r="C73" s="62"/>
      <c r="D73" s="61"/>
      <c r="E73" s="108"/>
      <c r="F73" s="106"/>
      <c r="G73" s="106"/>
      <c r="H73" s="107" t="s">
        <v>50</v>
      </c>
      <c r="I73" s="106"/>
      <c r="J73" s="106"/>
      <c r="K73" s="106"/>
      <c r="L73" s="106"/>
      <c r="M73" s="106"/>
      <c r="N73" s="107" t="s">
        <v>49</v>
      </c>
      <c r="O73" s="106"/>
      <c r="P73" s="106"/>
      <c r="Q73" s="106"/>
      <c r="R73" s="106"/>
      <c r="S73" s="106"/>
      <c r="T73" s="105"/>
    </row>
    <row r="74" spans="1:20" s="3" customFormat="1" ht="18.95" customHeight="1" x14ac:dyDescent="0.4">
      <c r="A74" s="90"/>
      <c r="B74" s="104"/>
      <c r="C74" s="103"/>
      <c r="D74" s="102"/>
      <c r="E74" s="101"/>
      <c r="F74" s="100"/>
      <c r="G74" s="100"/>
      <c r="H74" s="100"/>
      <c r="I74" s="100"/>
      <c r="J74" s="100"/>
      <c r="K74" s="100"/>
      <c r="L74" s="100"/>
      <c r="M74" s="100"/>
      <c r="N74" s="100"/>
      <c r="O74" s="100"/>
      <c r="P74" s="100"/>
      <c r="Q74" s="99"/>
      <c r="R74" s="99"/>
      <c r="S74" s="99"/>
      <c r="T74" s="98"/>
    </row>
    <row r="75" spans="1:20" s="3" customFormat="1" ht="15" customHeight="1" x14ac:dyDescent="0.4">
      <c r="A75" s="90"/>
      <c r="B75" s="97" t="s">
        <v>48</v>
      </c>
      <c r="C75" s="68"/>
      <c r="D75" s="67"/>
      <c r="E75" s="88" t="s">
        <v>47</v>
      </c>
      <c r="F75" s="87"/>
      <c r="G75" s="96"/>
      <c r="H75" s="92"/>
      <c r="I75" s="92"/>
      <c r="J75" s="92"/>
      <c r="K75" s="92"/>
      <c r="L75" s="95" t="s">
        <v>46</v>
      </c>
      <c r="M75" s="26"/>
      <c r="N75" s="94"/>
      <c r="O75" s="35" t="s">
        <v>45</v>
      </c>
      <c r="P75" s="34"/>
      <c r="Q75" s="93"/>
      <c r="R75" s="92"/>
      <c r="S75" s="92"/>
      <c r="T75" s="91"/>
    </row>
    <row r="76" spans="1:20" s="3" customFormat="1" ht="15" customHeight="1" x14ac:dyDescent="0.4">
      <c r="A76" s="90"/>
      <c r="B76" s="89"/>
      <c r="C76" s="56"/>
      <c r="D76" s="55"/>
      <c r="E76" s="88" t="s">
        <v>44</v>
      </c>
      <c r="F76" s="87"/>
      <c r="G76" s="86"/>
      <c r="H76" s="85"/>
      <c r="I76" s="85"/>
      <c r="J76" s="85"/>
      <c r="K76" s="85"/>
      <c r="L76" s="85"/>
      <c r="M76" s="85"/>
      <c r="N76" s="85"/>
      <c r="O76" s="85"/>
      <c r="P76" s="85"/>
      <c r="Q76" s="85"/>
      <c r="R76" s="85"/>
      <c r="S76" s="85"/>
      <c r="T76" s="84"/>
    </row>
    <row r="77" spans="1:20" s="3" customFormat="1" ht="15" customHeight="1" x14ac:dyDescent="0.4">
      <c r="A77" s="83" t="s">
        <v>27</v>
      </c>
      <c r="B77" s="82"/>
      <c r="C77" s="82"/>
      <c r="D77" s="82"/>
      <c r="E77" s="82"/>
      <c r="F77" s="82"/>
      <c r="G77" s="82"/>
      <c r="H77" s="82"/>
      <c r="I77" s="82"/>
      <c r="J77" s="82"/>
      <c r="K77" s="82"/>
      <c r="L77" s="82"/>
      <c r="M77" s="82"/>
      <c r="N77" s="82"/>
      <c r="O77" s="82"/>
      <c r="P77" s="82"/>
      <c r="Q77" s="82"/>
      <c r="R77" s="82"/>
      <c r="S77" s="82"/>
      <c r="T77" s="81"/>
    </row>
    <row r="78" spans="1:20" s="74" customFormat="1" ht="15" customHeight="1" thickBot="1" x14ac:dyDescent="0.45">
      <c r="A78" s="80" t="s">
        <v>43</v>
      </c>
      <c r="B78" s="77"/>
      <c r="C78" s="77"/>
      <c r="D78" s="77"/>
      <c r="E78" s="77"/>
      <c r="F78" s="77"/>
      <c r="G78" s="77"/>
      <c r="H78" s="79"/>
      <c r="I78" s="78"/>
      <c r="J78" s="77"/>
      <c r="K78" s="76" t="s">
        <v>42</v>
      </c>
      <c r="L78" s="73" t="s">
        <v>41</v>
      </c>
      <c r="M78" s="15"/>
      <c r="N78" s="15"/>
      <c r="O78" s="15"/>
      <c r="P78" s="15"/>
      <c r="Q78" s="19"/>
      <c r="R78" s="73"/>
      <c r="S78" s="15"/>
      <c r="T78" s="75" t="s">
        <v>40</v>
      </c>
    </row>
    <row r="79" spans="1:20" s="3" customFormat="1" ht="15" customHeight="1" x14ac:dyDescent="0.4">
      <c r="A79" s="72" t="s">
        <v>39</v>
      </c>
      <c r="B79" s="71" t="s">
        <v>27</v>
      </c>
      <c r="C79" s="71"/>
      <c r="D79" s="71"/>
      <c r="E79" s="71"/>
      <c r="F79" s="71"/>
      <c r="G79" s="71"/>
      <c r="H79" s="71"/>
      <c r="I79" s="71"/>
      <c r="J79" s="71"/>
      <c r="K79" s="71"/>
      <c r="L79" s="71"/>
      <c r="M79" s="71"/>
      <c r="N79" s="71"/>
      <c r="O79" s="71"/>
      <c r="P79" s="71"/>
      <c r="Q79" s="71"/>
      <c r="R79" s="71"/>
      <c r="S79" s="71"/>
      <c r="T79" s="70"/>
    </row>
    <row r="80" spans="1:20" s="3" customFormat="1" ht="16.350000000000001" customHeight="1" x14ac:dyDescent="0.4">
      <c r="A80" s="22"/>
      <c r="B80" s="69" t="s">
        <v>26</v>
      </c>
      <c r="C80" s="68"/>
      <c r="D80" s="67"/>
      <c r="E80" s="66" t="s">
        <v>25</v>
      </c>
      <c r="F80" s="65"/>
      <c r="G80" s="64" t="s">
        <v>24</v>
      </c>
      <c r="H80" s="65"/>
      <c r="I80" s="64" t="s">
        <v>23</v>
      </c>
      <c r="J80" s="65"/>
      <c r="K80" s="64" t="s">
        <v>22</v>
      </c>
      <c r="L80" s="65"/>
      <c r="M80" s="64" t="s">
        <v>21</v>
      </c>
      <c r="N80" s="65"/>
      <c r="O80" s="64" t="s">
        <v>20</v>
      </c>
      <c r="P80" s="65"/>
      <c r="Q80" s="64" t="s">
        <v>19</v>
      </c>
      <c r="R80" s="65"/>
      <c r="S80" s="64" t="s">
        <v>18</v>
      </c>
      <c r="T80" s="63"/>
    </row>
    <row r="81" spans="1:20" s="3" customFormat="1" ht="15.6" customHeight="1" x14ac:dyDescent="0.4">
      <c r="A81" s="22"/>
      <c r="B81" s="41"/>
      <c r="C81" s="62"/>
      <c r="D81" s="61"/>
      <c r="E81" s="60"/>
      <c r="F81" s="59"/>
      <c r="G81" s="60"/>
      <c r="H81" s="59"/>
      <c r="I81" s="60"/>
      <c r="J81" s="59"/>
      <c r="K81" s="60"/>
      <c r="L81" s="59"/>
      <c r="M81" s="60"/>
      <c r="N81" s="59"/>
      <c r="O81" s="60"/>
      <c r="P81" s="59"/>
      <c r="Q81" s="60"/>
      <c r="R81" s="59"/>
      <c r="S81" s="58"/>
      <c r="T81" s="57"/>
    </row>
    <row r="82" spans="1:20" s="3" customFormat="1" ht="15.6" customHeight="1" x14ac:dyDescent="0.4">
      <c r="A82" s="22"/>
      <c r="B82" s="37"/>
      <c r="C82" s="56"/>
      <c r="D82" s="55"/>
      <c r="E82" s="54" t="s">
        <v>38</v>
      </c>
      <c r="F82" s="53"/>
      <c r="G82" s="53"/>
      <c r="H82" s="52"/>
      <c r="I82" s="51"/>
      <c r="J82" s="50"/>
      <c r="K82" s="50"/>
      <c r="L82" s="50"/>
      <c r="M82" s="50"/>
      <c r="N82" s="50"/>
      <c r="O82" s="50"/>
      <c r="P82" s="50"/>
      <c r="Q82" s="50"/>
      <c r="R82" s="50"/>
      <c r="S82" s="50"/>
      <c r="T82" s="49"/>
    </row>
    <row r="83" spans="1:20" s="3" customFormat="1" ht="15.95" customHeight="1" x14ac:dyDescent="0.4">
      <c r="A83" s="22"/>
      <c r="B83" s="48" t="s">
        <v>37</v>
      </c>
      <c r="C83" s="47"/>
      <c r="D83" s="47"/>
      <c r="E83" s="46"/>
      <c r="F83" s="46"/>
      <c r="G83" s="46"/>
      <c r="H83" s="45"/>
      <c r="I83" s="28"/>
      <c r="J83" s="26"/>
      <c r="K83" s="32" t="s">
        <v>7</v>
      </c>
      <c r="L83" s="26"/>
      <c r="M83" s="26"/>
      <c r="N83" s="33" t="s">
        <v>31</v>
      </c>
      <c r="O83" s="26"/>
      <c r="P83" s="26"/>
      <c r="Q83" s="32" t="s">
        <v>7</v>
      </c>
      <c r="R83" s="24"/>
      <c r="S83" s="24"/>
      <c r="T83" s="23"/>
    </row>
    <row r="84" spans="1:20" s="3" customFormat="1" ht="15.95" customHeight="1" x14ac:dyDescent="0.4">
      <c r="A84" s="22"/>
      <c r="B84" s="43"/>
      <c r="C84" s="42"/>
      <c r="D84" s="42"/>
      <c r="E84" s="21" t="s">
        <v>36</v>
      </c>
      <c r="F84" s="44"/>
      <c r="G84" s="35" t="s">
        <v>14</v>
      </c>
      <c r="H84" s="34"/>
      <c r="I84" s="28"/>
      <c r="J84" s="26"/>
      <c r="K84" s="32" t="s">
        <v>7</v>
      </c>
      <c r="L84" s="26"/>
      <c r="M84" s="26"/>
      <c r="N84" s="33" t="s">
        <v>29</v>
      </c>
      <c r="O84" s="26"/>
      <c r="P84" s="26"/>
      <c r="Q84" s="32" t="s">
        <v>7</v>
      </c>
      <c r="R84" s="24"/>
      <c r="S84" s="24"/>
      <c r="T84" s="23"/>
    </row>
    <row r="85" spans="1:20" s="3" customFormat="1" ht="15.95" customHeight="1" x14ac:dyDescent="0.4">
      <c r="A85" s="22"/>
      <c r="B85" s="43"/>
      <c r="C85" s="42"/>
      <c r="D85" s="42"/>
      <c r="E85" s="41"/>
      <c r="F85" s="40"/>
      <c r="G85" s="35" t="s">
        <v>13</v>
      </c>
      <c r="H85" s="34"/>
      <c r="I85" s="28"/>
      <c r="J85" s="26"/>
      <c r="K85" s="32" t="s">
        <v>7</v>
      </c>
      <c r="L85" s="26"/>
      <c r="M85" s="26"/>
      <c r="N85" s="33" t="s">
        <v>35</v>
      </c>
      <c r="O85" s="26"/>
      <c r="P85" s="26"/>
      <c r="Q85" s="32" t="s">
        <v>7</v>
      </c>
      <c r="R85" s="24"/>
      <c r="S85" s="24"/>
      <c r="T85" s="23"/>
    </row>
    <row r="86" spans="1:20" s="3" customFormat="1" ht="15.95" customHeight="1" x14ac:dyDescent="0.4">
      <c r="A86" s="22"/>
      <c r="B86" s="39"/>
      <c r="C86" s="38"/>
      <c r="D86" s="38"/>
      <c r="E86" s="37"/>
      <c r="F86" s="36"/>
      <c r="G86" s="35" t="s">
        <v>11</v>
      </c>
      <c r="H86" s="34"/>
      <c r="I86" s="28"/>
      <c r="J86" s="26"/>
      <c r="K86" s="32" t="s">
        <v>7</v>
      </c>
      <c r="L86" s="26"/>
      <c r="M86" s="26"/>
      <c r="N86" s="33" t="s">
        <v>31</v>
      </c>
      <c r="O86" s="26"/>
      <c r="P86" s="26"/>
      <c r="Q86" s="32" t="s">
        <v>7</v>
      </c>
      <c r="R86" s="24"/>
      <c r="S86" s="24"/>
      <c r="T86" s="23"/>
    </row>
    <row r="87" spans="1:20" s="3" customFormat="1" ht="16.350000000000001" customHeight="1" x14ac:dyDescent="0.4">
      <c r="A87" s="22"/>
      <c r="B87" s="31" t="s">
        <v>9</v>
      </c>
      <c r="C87" s="30"/>
      <c r="D87" s="30"/>
      <c r="E87" s="30"/>
      <c r="F87" s="30"/>
      <c r="G87" s="30"/>
      <c r="H87" s="29"/>
      <c r="I87" s="28"/>
      <c r="J87" s="26"/>
      <c r="K87" s="25" t="s">
        <v>7</v>
      </c>
      <c r="L87" s="26"/>
      <c r="M87" s="26"/>
      <c r="N87" s="27" t="s">
        <v>31</v>
      </c>
      <c r="O87" s="26"/>
      <c r="P87" s="26"/>
      <c r="Q87" s="25" t="s">
        <v>7</v>
      </c>
      <c r="R87" s="24"/>
      <c r="S87" s="24"/>
      <c r="T87" s="23"/>
    </row>
    <row r="88" spans="1:20" s="3" customFormat="1" ht="16.350000000000001" customHeight="1" thickBot="1" x14ac:dyDescent="0.45">
      <c r="A88" s="22"/>
      <c r="B88" s="73" t="s">
        <v>6</v>
      </c>
      <c r="C88" s="15"/>
      <c r="D88" s="15"/>
      <c r="E88" s="15"/>
      <c r="F88" s="15"/>
      <c r="G88" s="15"/>
      <c r="H88" s="19"/>
      <c r="I88" s="18"/>
      <c r="J88" s="17"/>
      <c r="K88" s="17"/>
      <c r="L88" s="13" t="s">
        <v>5</v>
      </c>
      <c r="M88" s="13"/>
      <c r="N88" s="16"/>
      <c r="O88" s="15"/>
      <c r="P88" s="15"/>
      <c r="Q88" s="14"/>
      <c r="R88" s="13"/>
      <c r="S88" s="13"/>
      <c r="T88" s="12"/>
    </row>
    <row r="89" spans="1:20" s="3" customFormat="1" ht="15" customHeight="1" x14ac:dyDescent="0.4">
      <c r="A89" s="72" t="s">
        <v>34</v>
      </c>
      <c r="B89" s="71" t="s">
        <v>27</v>
      </c>
      <c r="C89" s="71"/>
      <c r="D89" s="71"/>
      <c r="E89" s="71"/>
      <c r="F89" s="71"/>
      <c r="G89" s="71"/>
      <c r="H89" s="71"/>
      <c r="I89" s="71"/>
      <c r="J89" s="71"/>
      <c r="K89" s="71"/>
      <c r="L89" s="71"/>
      <c r="M89" s="71"/>
      <c r="N89" s="71"/>
      <c r="O89" s="71"/>
      <c r="P89" s="71"/>
      <c r="Q89" s="71"/>
      <c r="R89" s="71"/>
      <c r="S89" s="71"/>
      <c r="T89" s="70"/>
    </row>
    <row r="90" spans="1:20" s="3" customFormat="1" ht="16.350000000000001" customHeight="1" x14ac:dyDescent="0.4">
      <c r="A90" s="22"/>
      <c r="B90" s="69" t="s">
        <v>26</v>
      </c>
      <c r="C90" s="68"/>
      <c r="D90" s="67"/>
      <c r="E90" s="66" t="s">
        <v>25</v>
      </c>
      <c r="F90" s="65"/>
      <c r="G90" s="64" t="s">
        <v>24</v>
      </c>
      <c r="H90" s="65"/>
      <c r="I90" s="64" t="s">
        <v>23</v>
      </c>
      <c r="J90" s="65"/>
      <c r="K90" s="64" t="s">
        <v>22</v>
      </c>
      <c r="L90" s="65"/>
      <c r="M90" s="64" t="s">
        <v>21</v>
      </c>
      <c r="N90" s="65"/>
      <c r="O90" s="64" t="s">
        <v>20</v>
      </c>
      <c r="P90" s="65"/>
      <c r="Q90" s="64" t="s">
        <v>19</v>
      </c>
      <c r="R90" s="65"/>
      <c r="S90" s="64" t="s">
        <v>18</v>
      </c>
      <c r="T90" s="63"/>
    </row>
    <row r="91" spans="1:20" s="3" customFormat="1" ht="15.6" customHeight="1" x14ac:dyDescent="0.4">
      <c r="A91" s="22"/>
      <c r="B91" s="41"/>
      <c r="C91" s="62"/>
      <c r="D91" s="61"/>
      <c r="E91" s="60"/>
      <c r="F91" s="59"/>
      <c r="G91" s="60"/>
      <c r="H91" s="59"/>
      <c r="I91" s="60"/>
      <c r="J91" s="59"/>
      <c r="K91" s="60"/>
      <c r="L91" s="59"/>
      <c r="M91" s="60"/>
      <c r="N91" s="59"/>
      <c r="O91" s="60"/>
      <c r="P91" s="59"/>
      <c r="Q91" s="60"/>
      <c r="R91" s="59"/>
      <c r="S91" s="58"/>
      <c r="T91" s="57"/>
    </row>
    <row r="92" spans="1:20" s="3" customFormat="1" ht="15.6" customHeight="1" x14ac:dyDescent="0.4">
      <c r="A92" s="22"/>
      <c r="B92" s="37"/>
      <c r="C92" s="56"/>
      <c r="D92" s="55"/>
      <c r="E92" s="54" t="s">
        <v>33</v>
      </c>
      <c r="F92" s="53"/>
      <c r="G92" s="53"/>
      <c r="H92" s="52"/>
      <c r="I92" s="51"/>
      <c r="J92" s="50"/>
      <c r="K92" s="50"/>
      <c r="L92" s="50"/>
      <c r="M92" s="50"/>
      <c r="N92" s="50"/>
      <c r="O92" s="50"/>
      <c r="P92" s="50"/>
      <c r="Q92" s="50"/>
      <c r="R92" s="50"/>
      <c r="S92" s="50"/>
      <c r="T92" s="49"/>
    </row>
    <row r="93" spans="1:20" s="3" customFormat="1" ht="15.95" customHeight="1" x14ac:dyDescent="0.4">
      <c r="A93" s="22"/>
      <c r="B93" s="48" t="s">
        <v>32</v>
      </c>
      <c r="C93" s="47"/>
      <c r="D93" s="47"/>
      <c r="E93" s="46"/>
      <c r="F93" s="46"/>
      <c r="G93" s="46"/>
      <c r="H93" s="45"/>
      <c r="I93" s="28"/>
      <c r="J93" s="26"/>
      <c r="K93" s="32" t="s">
        <v>7</v>
      </c>
      <c r="L93" s="26"/>
      <c r="M93" s="26"/>
      <c r="N93" s="33" t="s">
        <v>31</v>
      </c>
      <c r="O93" s="26"/>
      <c r="P93" s="26"/>
      <c r="Q93" s="32" t="s">
        <v>7</v>
      </c>
      <c r="R93" s="24"/>
      <c r="S93" s="24"/>
      <c r="T93" s="23"/>
    </row>
    <row r="94" spans="1:20" s="3" customFormat="1" ht="15.95" customHeight="1" x14ac:dyDescent="0.4">
      <c r="A94" s="22"/>
      <c r="B94" s="43"/>
      <c r="C94" s="42"/>
      <c r="D94" s="42"/>
      <c r="E94" s="21" t="s">
        <v>30</v>
      </c>
      <c r="F94" s="44"/>
      <c r="G94" s="35" t="s">
        <v>14</v>
      </c>
      <c r="H94" s="34"/>
      <c r="I94" s="28"/>
      <c r="J94" s="26"/>
      <c r="K94" s="32" t="s">
        <v>7</v>
      </c>
      <c r="L94" s="26"/>
      <c r="M94" s="26"/>
      <c r="N94" s="33" t="s">
        <v>29</v>
      </c>
      <c r="O94" s="26"/>
      <c r="P94" s="26"/>
      <c r="Q94" s="32" t="s">
        <v>7</v>
      </c>
      <c r="R94" s="24"/>
      <c r="S94" s="24"/>
      <c r="T94" s="23"/>
    </row>
    <row r="95" spans="1:20" s="3" customFormat="1" ht="15.95" customHeight="1" x14ac:dyDescent="0.4">
      <c r="A95" s="22"/>
      <c r="B95" s="43"/>
      <c r="C95" s="42"/>
      <c r="D95" s="42"/>
      <c r="E95" s="41"/>
      <c r="F95" s="40"/>
      <c r="G95" s="35" t="s">
        <v>13</v>
      </c>
      <c r="H95" s="34"/>
      <c r="I95" s="28"/>
      <c r="J95" s="26"/>
      <c r="K95" s="32" t="s">
        <v>7</v>
      </c>
      <c r="L95" s="26"/>
      <c r="M95" s="26"/>
      <c r="N95" s="33" t="s">
        <v>29</v>
      </c>
      <c r="O95" s="26"/>
      <c r="P95" s="26"/>
      <c r="Q95" s="32" t="s">
        <v>7</v>
      </c>
      <c r="R95" s="24"/>
      <c r="S95" s="24"/>
      <c r="T95" s="23"/>
    </row>
    <row r="96" spans="1:20" s="3" customFormat="1" ht="15.95" customHeight="1" x14ac:dyDescent="0.4">
      <c r="A96" s="22"/>
      <c r="B96" s="39"/>
      <c r="C96" s="38"/>
      <c r="D96" s="38"/>
      <c r="E96" s="37"/>
      <c r="F96" s="36"/>
      <c r="G96" s="35" t="s">
        <v>11</v>
      </c>
      <c r="H96" s="34"/>
      <c r="I96" s="28"/>
      <c r="J96" s="26"/>
      <c r="K96" s="32" t="s">
        <v>7</v>
      </c>
      <c r="L96" s="26"/>
      <c r="M96" s="26"/>
      <c r="N96" s="33" t="s">
        <v>29</v>
      </c>
      <c r="O96" s="26"/>
      <c r="P96" s="26"/>
      <c r="Q96" s="32" t="s">
        <v>7</v>
      </c>
      <c r="R96" s="24"/>
      <c r="S96" s="24"/>
      <c r="T96" s="23"/>
    </row>
    <row r="97" spans="1:20" s="3" customFormat="1" ht="16.350000000000001" customHeight="1" x14ac:dyDescent="0.4">
      <c r="A97" s="22"/>
      <c r="B97" s="31" t="s">
        <v>9</v>
      </c>
      <c r="C97" s="30"/>
      <c r="D97" s="30"/>
      <c r="E97" s="30"/>
      <c r="F97" s="30"/>
      <c r="G97" s="30"/>
      <c r="H97" s="29"/>
      <c r="I97" s="28"/>
      <c r="J97" s="26"/>
      <c r="K97" s="25" t="s">
        <v>7</v>
      </c>
      <c r="L97" s="26"/>
      <c r="M97" s="26"/>
      <c r="N97" s="27" t="s">
        <v>29</v>
      </c>
      <c r="O97" s="26"/>
      <c r="P97" s="26"/>
      <c r="Q97" s="25" t="s">
        <v>7</v>
      </c>
      <c r="R97" s="24"/>
      <c r="S97" s="24"/>
      <c r="T97" s="23"/>
    </row>
    <row r="98" spans="1:20" s="3" customFormat="1" ht="16.350000000000001" customHeight="1" thickBot="1" x14ac:dyDescent="0.45">
      <c r="A98" s="22"/>
      <c r="B98" s="73" t="s">
        <v>6</v>
      </c>
      <c r="C98" s="15"/>
      <c r="D98" s="15"/>
      <c r="E98" s="15"/>
      <c r="F98" s="15"/>
      <c r="G98" s="15"/>
      <c r="H98" s="19"/>
      <c r="I98" s="18"/>
      <c r="J98" s="17"/>
      <c r="K98" s="17"/>
      <c r="L98" s="13" t="s">
        <v>5</v>
      </c>
      <c r="M98" s="13"/>
      <c r="N98" s="16"/>
      <c r="O98" s="15"/>
      <c r="P98" s="15"/>
      <c r="Q98" s="14"/>
      <c r="R98" s="13"/>
      <c r="S98" s="13"/>
      <c r="T98" s="12"/>
    </row>
    <row r="99" spans="1:20" s="3" customFormat="1" ht="15" customHeight="1" x14ac:dyDescent="0.4">
      <c r="A99" s="72" t="s">
        <v>28</v>
      </c>
      <c r="B99" s="71" t="s">
        <v>27</v>
      </c>
      <c r="C99" s="71"/>
      <c r="D99" s="71"/>
      <c r="E99" s="71"/>
      <c r="F99" s="71"/>
      <c r="G99" s="71"/>
      <c r="H99" s="71"/>
      <c r="I99" s="71"/>
      <c r="J99" s="71"/>
      <c r="K99" s="71"/>
      <c r="L99" s="71"/>
      <c r="M99" s="71"/>
      <c r="N99" s="71"/>
      <c r="O99" s="71"/>
      <c r="P99" s="71"/>
      <c r="Q99" s="71"/>
      <c r="R99" s="71"/>
      <c r="S99" s="71"/>
      <c r="T99" s="70"/>
    </row>
    <row r="100" spans="1:20" s="3" customFormat="1" ht="16.350000000000001" customHeight="1" x14ac:dyDescent="0.4">
      <c r="A100" s="22"/>
      <c r="B100" s="69" t="s">
        <v>26</v>
      </c>
      <c r="C100" s="68"/>
      <c r="D100" s="67"/>
      <c r="E100" s="66" t="s">
        <v>25</v>
      </c>
      <c r="F100" s="65"/>
      <c r="G100" s="64" t="s">
        <v>24</v>
      </c>
      <c r="H100" s="65"/>
      <c r="I100" s="64" t="s">
        <v>23</v>
      </c>
      <c r="J100" s="65"/>
      <c r="K100" s="64" t="s">
        <v>22</v>
      </c>
      <c r="L100" s="65"/>
      <c r="M100" s="64" t="s">
        <v>21</v>
      </c>
      <c r="N100" s="65"/>
      <c r="O100" s="64" t="s">
        <v>20</v>
      </c>
      <c r="P100" s="65"/>
      <c r="Q100" s="64" t="s">
        <v>19</v>
      </c>
      <c r="R100" s="65"/>
      <c r="S100" s="64" t="s">
        <v>18</v>
      </c>
      <c r="T100" s="63"/>
    </row>
    <row r="101" spans="1:20" s="3" customFormat="1" ht="15.6" customHeight="1" x14ac:dyDescent="0.4">
      <c r="A101" s="22"/>
      <c r="B101" s="41"/>
      <c r="C101" s="62"/>
      <c r="D101" s="61"/>
      <c r="E101" s="60"/>
      <c r="F101" s="59"/>
      <c r="G101" s="60"/>
      <c r="H101" s="59"/>
      <c r="I101" s="60"/>
      <c r="J101" s="59"/>
      <c r="K101" s="60"/>
      <c r="L101" s="59"/>
      <c r="M101" s="60"/>
      <c r="N101" s="59"/>
      <c r="O101" s="60"/>
      <c r="P101" s="59"/>
      <c r="Q101" s="60"/>
      <c r="R101" s="59"/>
      <c r="S101" s="58"/>
      <c r="T101" s="57"/>
    </row>
    <row r="102" spans="1:20" s="3" customFormat="1" ht="15.6" customHeight="1" x14ac:dyDescent="0.4">
      <c r="A102" s="22"/>
      <c r="B102" s="37"/>
      <c r="C102" s="56"/>
      <c r="D102" s="55"/>
      <c r="E102" s="54" t="s">
        <v>17</v>
      </c>
      <c r="F102" s="53"/>
      <c r="G102" s="53"/>
      <c r="H102" s="52"/>
      <c r="I102" s="51"/>
      <c r="J102" s="50"/>
      <c r="K102" s="50"/>
      <c r="L102" s="50"/>
      <c r="M102" s="50"/>
      <c r="N102" s="50"/>
      <c r="O102" s="50"/>
      <c r="P102" s="50"/>
      <c r="Q102" s="50"/>
      <c r="R102" s="50"/>
      <c r="S102" s="50"/>
      <c r="T102" s="49"/>
    </row>
    <row r="103" spans="1:20" s="3" customFormat="1" ht="15.95" customHeight="1" x14ac:dyDescent="0.4">
      <c r="A103" s="22"/>
      <c r="B103" s="48" t="s">
        <v>16</v>
      </c>
      <c r="C103" s="47"/>
      <c r="D103" s="47"/>
      <c r="E103" s="46"/>
      <c r="F103" s="46"/>
      <c r="G103" s="46"/>
      <c r="H103" s="45"/>
      <c r="I103" s="28"/>
      <c r="J103" s="26"/>
      <c r="K103" s="32" t="s">
        <v>7</v>
      </c>
      <c r="L103" s="26"/>
      <c r="M103" s="26"/>
      <c r="N103" s="33" t="s">
        <v>12</v>
      </c>
      <c r="O103" s="26"/>
      <c r="P103" s="26"/>
      <c r="Q103" s="32" t="s">
        <v>7</v>
      </c>
      <c r="R103" s="24"/>
      <c r="S103" s="24"/>
      <c r="T103" s="23"/>
    </row>
    <row r="104" spans="1:20" s="3" customFormat="1" ht="15.95" customHeight="1" x14ac:dyDescent="0.4">
      <c r="A104" s="22"/>
      <c r="B104" s="43"/>
      <c r="C104" s="42"/>
      <c r="D104" s="42"/>
      <c r="E104" s="21" t="s">
        <v>15</v>
      </c>
      <c r="F104" s="44"/>
      <c r="G104" s="35" t="s">
        <v>14</v>
      </c>
      <c r="H104" s="34"/>
      <c r="I104" s="28"/>
      <c r="J104" s="26"/>
      <c r="K104" s="32" t="s">
        <v>7</v>
      </c>
      <c r="L104" s="26"/>
      <c r="M104" s="26"/>
      <c r="N104" s="33" t="s">
        <v>12</v>
      </c>
      <c r="O104" s="26"/>
      <c r="P104" s="26"/>
      <c r="Q104" s="32" t="s">
        <v>7</v>
      </c>
      <c r="R104" s="24"/>
      <c r="S104" s="24"/>
      <c r="T104" s="23"/>
    </row>
    <row r="105" spans="1:20" s="3" customFormat="1" ht="15.95" customHeight="1" x14ac:dyDescent="0.4">
      <c r="A105" s="22"/>
      <c r="B105" s="43"/>
      <c r="C105" s="42"/>
      <c r="D105" s="42"/>
      <c r="E105" s="41"/>
      <c r="F105" s="40"/>
      <c r="G105" s="35" t="s">
        <v>13</v>
      </c>
      <c r="H105" s="34"/>
      <c r="I105" s="28"/>
      <c r="J105" s="26"/>
      <c r="K105" s="32" t="s">
        <v>7</v>
      </c>
      <c r="L105" s="26"/>
      <c r="M105" s="26"/>
      <c r="N105" s="33" t="s">
        <v>12</v>
      </c>
      <c r="O105" s="26"/>
      <c r="P105" s="26"/>
      <c r="Q105" s="32" t="s">
        <v>7</v>
      </c>
      <c r="R105" s="24"/>
      <c r="S105" s="24"/>
      <c r="T105" s="23"/>
    </row>
    <row r="106" spans="1:20" s="3" customFormat="1" ht="15.95" customHeight="1" x14ac:dyDescent="0.4">
      <c r="A106" s="22"/>
      <c r="B106" s="39"/>
      <c r="C106" s="38"/>
      <c r="D106" s="38"/>
      <c r="E106" s="37"/>
      <c r="F106" s="36"/>
      <c r="G106" s="35" t="s">
        <v>11</v>
      </c>
      <c r="H106" s="34"/>
      <c r="I106" s="28"/>
      <c r="J106" s="26"/>
      <c r="K106" s="32" t="s">
        <v>7</v>
      </c>
      <c r="L106" s="26"/>
      <c r="M106" s="26"/>
      <c r="N106" s="33" t="s">
        <v>10</v>
      </c>
      <c r="O106" s="26"/>
      <c r="P106" s="26"/>
      <c r="Q106" s="32" t="s">
        <v>7</v>
      </c>
      <c r="R106" s="24"/>
      <c r="S106" s="24"/>
      <c r="T106" s="23"/>
    </row>
    <row r="107" spans="1:20" s="3" customFormat="1" ht="16.350000000000001" customHeight="1" x14ac:dyDescent="0.4">
      <c r="A107" s="22"/>
      <c r="B107" s="31" t="s">
        <v>9</v>
      </c>
      <c r="C107" s="30"/>
      <c r="D107" s="30"/>
      <c r="E107" s="30"/>
      <c r="F107" s="30"/>
      <c r="G107" s="30"/>
      <c r="H107" s="29"/>
      <c r="I107" s="28"/>
      <c r="J107" s="26"/>
      <c r="K107" s="25" t="s">
        <v>7</v>
      </c>
      <c r="L107" s="26"/>
      <c r="M107" s="26"/>
      <c r="N107" s="27" t="s">
        <v>8</v>
      </c>
      <c r="O107" s="26"/>
      <c r="P107" s="26"/>
      <c r="Q107" s="25" t="s">
        <v>7</v>
      </c>
      <c r="R107" s="24"/>
      <c r="S107" s="24"/>
      <c r="T107" s="23"/>
    </row>
    <row r="108" spans="1:20" s="3" customFormat="1" ht="16.350000000000001" customHeight="1" thickBot="1" x14ac:dyDescent="0.45">
      <c r="A108" s="22"/>
      <c r="B108" s="21" t="s">
        <v>6</v>
      </c>
      <c r="C108" s="20"/>
      <c r="D108" s="20"/>
      <c r="E108" s="15"/>
      <c r="F108" s="15"/>
      <c r="G108" s="15"/>
      <c r="H108" s="19"/>
      <c r="I108" s="18"/>
      <c r="J108" s="17"/>
      <c r="K108" s="17"/>
      <c r="L108" s="13" t="s">
        <v>5</v>
      </c>
      <c r="M108" s="13"/>
      <c r="N108" s="16"/>
      <c r="O108" s="15"/>
      <c r="P108" s="15"/>
      <c r="Q108" s="14"/>
      <c r="R108" s="13"/>
      <c r="S108" s="13"/>
      <c r="T108" s="12"/>
    </row>
    <row r="109" spans="1:20" s="3" customFormat="1" ht="15" customHeight="1" thickBot="1" x14ac:dyDescent="0.45">
      <c r="A109" s="11" t="s">
        <v>4</v>
      </c>
      <c r="B109" s="10"/>
      <c r="C109" s="10"/>
      <c r="D109" s="9"/>
      <c r="E109" s="8" t="s">
        <v>3</v>
      </c>
      <c r="F109" s="7"/>
      <c r="G109" s="7"/>
      <c r="H109" s="7"/>
      <c r="I109" s="7"/>
      <c r="J109" s="7"/>
      <c r="K109" s="7"/>
      <c r="L109" s="7"/>
      <c r="M109" s="7"/>
      <c r="N109" s="7"/>
      <c r="O109" s="7"/>
      <c r="P109" s="7"/>
      <c r="Q109" s="7"/>
      <c r="R109" s="7"/>
      <c r="S109" s="7"/>
      <c r="T109" s="6"/>
    </row>
    <row r="110" spans="1:20" s="3" customFormat="1" ht="16.5" customHeight="1" x14ac:dyDescent="0.4">
      <c r="A110" s="5"/>
      <c r="B110" s="5"/>
      <c r="C110" s="5"/>
      <c r="D110" s="5"/>
      <c r="E110" s="5"/>
      <c r="F110" s="5"/>
      <c r="G110" s="4"/>
      <c r="H110" s="4"/>
      <c r="I110" s="4"/>
      <c r="J110" s="4"/>
      <c r="K110" s="4"/>
      <c r="L110" s="4"/>
      <c r="M110" s="4"/>
      <c r="N110" s="4"/>
      <c r="O110" s="4"/>
      <c r="P110" s="4"/>
      <c r="Q110" s="4"/>
      <c r="R110" s="4" t="s">
        <v>2</v>
      </c>
      <c r="S110" s="4"/>
      <c r="T110" s="4"/>
    </row>
    <row r="111" spans="1:20" ht="102.6" customHeight="1" x14ac:dyDescent="0.4">
      <c r="A111" s="1" t="s">
        <v>1</v>
      </c>
      <c r="B111" s="2" t="s">
        <v>0</v>
      </c>
      <c r="C111" s="2"/>
      <c r="D111" s="2"/>
      <c r="E111" s="2"/>
      <c r="F111" s="2"/>
      <c r="G111" s="2"/>
      <c r="H111" s="2"/>
      <c r="I111" s="2"/>
      <c r="J111" s="2"/>
      <c r="K111" s="2"/>
      <c r="L111" s="2"/>
      <c r="M111" s="2"/>
      <c r="N111" s="2"/>
      <c r="O111" s="2"/>
      <c r="P111" s="2"/>
      <c r="Q111" s="2"/>
      <c r="R111" s="2"/>
      <c r="S111" s="2"/>
      <c r="T111" s="2"/>
    </row>
  </sheetData>
  <mergeCells count="491">
    <mergeCell ref="B2:D2"/>
    <mergeCell ref="E2:T2"/>
    <mergeCell ref="A2:A10"/>
    <mergeCell ref="A1:T1"/>
    <mergeCell ref="B3:D3"/>
    <mergeCell ref="E3:T3"/>
    <mergeCell ref="B4:D4"/>
    <mergeCell ref="E4:T4"/>
    <mergeCell ref="B5:D8"/>
    <mergeCell ref="E5:F5"/>
    <mergeCell ref="K5:T5"/>
    <mergeCell ref="E6:G7"/>
    <mergeCell ref="I6:M7"/>
    <mergeCell ref="B9:D10"/>
    <mergeCell ref="E9:F9"/>
    <mergeCell ref="G9:K9"/>
    <mergeCell ref="M9:N9"/>
    <mergeCell ref="O9:P9"/>
    <mergeCell ref="Q9:T9"/>
    <mergeCell ref="E10:F10"/>
    <mergeCell ref="G10:T10"/>
    <mergeCell ref="E12:J12"/>
    <mergeCell ref="H16:J17"/>
    <mergeCell ref="K16:T16"/>
    <mergeCell ref="K17:T17"/>
    <mergeCell ref="U6:U7"/>
    <mergeCell ref="E8:T8"/>
    <mergeCell ref="O6:T7"/>
    <mergeCell ref="K15:O15"/>
    <mergeCell ref="P15:Q15"/>
    <mergeCell ref="R15:T15"/>
    <mergeCell ref="A11:A17"/>
    <mergeCell ref="B11:D11"/>
    <mergeCell ref="E11:J11"/>
    <mergeCell ref="K11:M13"/>
    <mergeCell ref="N11:O11"/>
    <mergeCell ref="S11:T11"/>
    <mergeCell ref="B12:D12"/>
    <mergeCell ref="A18:J18"/>
    <mergeCell ref="K18:T18"/>
    <mergeCell ref="A19:T19"/>
    <mergeCell ref="N12:T13"/>
    <mergeCell ref="B13:D13"/>
    <mergeCell ref="E13:J13"/>
    <mergeCell ref="B14:J14"/>
    <mergeCell ref="K14:T14"/>
    <mergeCell ref="B15:G17"/>
    <mergeCell ref="H15:J15"/>
    <mergeCell ref="I24:J24"/>
    <mergeCell ref="K24:L24"/>
    <mergeCell ref="M24:N24"/>
    <mergeCell ref="C25:D25"/>
    <mergeCell ref="E25:F25"/>
    <mergeCell ref="C24:D24"/>
    <mergeCell ref="E24:F24"/>
    <mergeCell ref="G24:H24"/>
    <mergeCell ref="O23:P23"/>
    <mergeCell ref="Q23:R23"/>
    <mergeCell ref="S23:T23"/>
    <mergeCell ref="O24:P24"/>
    <mergeCell ref="Q24:R24"/>
    <mergeCell ref="S24:T24"/>
    <mergeCell ref="M22:P22"/>
    <mergeCell ref="Q22:T22"/>
    <mergeCell ref="E23:F23"/>
    <mergeCell ref="G23:H23"/>
    <mergeCell ref="B30:H30"/>
    <mergeCell ref="I30:J30"/>
    <mergeCell ref="L30:M30"/>
    <mergeCell ref="I23:J23"/>
    <mergeCell ref="K23:L23"/>
    <mergeCell ref="M23:N23"/>
    <mergeCell ref="I25:J25"/>
    <mergeCell ref="K25:L25"/>
    <mergeCell ref="M25:N25"/>
    <mergeCell ref="O25:P25"/>
    <mergeCell ref="R20:S20"/>
    <mergeCell ref="A21:A35"/>
    <mergeCell ref="B21:T21"/>
    <mergeCell ref="B22:D23"/>
    <mergeCell ref="E22:H22"/>
    <mergeCell ref="I22:L22"/>
    <mergeCell ref="O28:P28"/>
    <mergeCell ref="Q28:R28"/>
    <mergeCell ref="S28:T28"/>
    <mergeCell ref="A20:H20"/>
    <mergeCell ref="I20:J20"/>
    <mergeCell ref="L20:Q20"/>
    <mergeCell ref="Q25:R25"/>
    <mergeCell ref="S25:T25"/>
    <mergeCell ref="B26:T26"/>
    <mergeCell ref="G25:H25"/>
    <mergeCell ref="O27:P27"/>
    <mergeCell ref="E29:H29"/>
    <mergeCell ref="I29:T29"/>
    <mergeCell ref="O30:P30"/>
    <mergeCell ref="R30:T30"/>
    <mergeCell ref="Q27:R27"/>
    <mergeCell ref="S27:T27"/>
    <mergeCell ref="E28:F28"/>
    <mergeCell ref="G28:H28"/>
    <mergeCell ref="I28:J28"/>
    <mergeCell ref="B27:D29"/>
    <mergeCell ref="E27:F27"/>
    <mergeCell ref="G27:H27"/>
    <mergeCell ref="I27:J27"/>
    <mergeCell ref="K27:L27"/>
    <mergeCell ref="M27:N27"/>
    <mergeCell ref="K28:L28"/>
    <mergeCell ref="M28:N28"/>
    <mergeCell ref="E31:F33"/>
    <mergeCell ref="G31:H31"/>
    <mergeCell ref="I31:J31"/>
    <mergeCell ref="L31:M31"/>
    <mergeCell ref="O31:P31"/>
    <mergeCell ref="R31:T31"/>
    <mergeCell ref="G32:H32"/>
    <mergeCell ref="I32:J32"/>
    <mergeCell ref="L32:M32"/>
    <mergeCell ref="O32:P32"/>
    <mergeCell ref="L35:M35"/>
    <mergeCell ref="O35:P35"/>
    <mergeCell ref="R35:S35"/>
    <mergeCell ref="R32:T32"/>
    <mergeCell ref="G33:H33"/>
    <mergeCell ref="I33:J33"/>
    <mergeCell ref="L33:M33"/>
    <mergeCell ref="O33:P33"/>
    <mergeCell ref="R33:T33"/>
    <mergeCell ref="O39:P39"/>
    <mergeCell ref="Q39:R39"/>
    <mergeCell ref="S39:T39"/>
    <mergeCell ref="B34:H34"/>
    <mergeCell ref="I34:J34"/>
    <mergeCell ref="L34:M34"/>
    <mergeCell ref="O34:P34"/>
    <mergeCell ref="R34:T34"/>
    <mergeCell ref="B35:H35"/>
    <mergeCell ref="I35:K35"/>
    <mergeCell ref="C39:D39"/>
    <mergeCell ref="E39:F39"/>
    <mergeCell ref="G39:H39"/>
    <mergeCell ref="I39:J39"/>
    <mergeCell ref="K39:L39"/>
    <mergeCell ref="M39:N39"/>
    <mergeCell ref="Q37:T37"/>
    <mergeCell ref="E38:F38"/>
    <mergeCell ref="G38:H38"/>
    <mergeCell ref="I38:J38"/>
    <mergeCell ref="K38:L38"/>
    <mergeCell ref="M38:N38"/>
    <mergeCell ref="O38:P38"/>
    <mergeCell ref="Q38:R38"/>
    <mergeCell ref="S38:T38"/>
    <mergeCell ref="M40:N40"/>
    <mergeCell ref="O40:P40"/>
    <mergeCell ref="Q40:R40"/>
    <mergeCell ref="S40:T40"/>
    <mergeCell ref="A36:A50"/>
    <mergeCell ref="B36:T36"/>
    <mergeCell ref="B37:D38"/>
    <mergeCell ref="E37:H37"/>
    <mergeCell ref="I37:L37"/>
    <mergeCell ref="M37:P37"/>
    <mergeCell ref="K42:L42"/>
    <mergeCell ref="M42:N42"/>
    <mergeCell ref="S43:T43"/>
    <mergeCell ref="E44:H44"/>
    <mergeCell ref="I44:T44"/>
    <mergeCell ref="C40:D40"/>
    <mergeCell ref="E40:F40"/>
    <mergeCell ref="G40:H40"/>
    <mergeCell ref="I40:J40"/>
    <mergeCell ref="K40:L40"/>
    <mergeCell ref="I43:J43"/>
    <mergeCell ref="K43:L43"/>
    <mergeCell ref="M43:N43"/>
    <mergeCell ref="O43:P43"/>
    <mergeCell ref="Q43:R43"/>
    <mergeCell ref="B41:T41"/>
    <mergeCell ref="B42:D44"/>
    <mergeCell ref="E42:F42"/>
    <mergeCell ref="G42:H42"/>
    <mergeCell ref="I42:J42"/>
    <mergeCell ref="B45:H45"/>
    <mergeCell ref="I45:J45"/>
    <mergeCell ref="L45:M45"/>
    <mergeCell ref="O45:P45"/>
    <mergeCell ref="R45:T45"/>
    <mergeCell ref="O42:P42"/>
    <mergeCell ref="Q42:R42"/>
    <mergeCell ref="S42:T42"/>
    <mergeCell ref="E43:F43"/>
    <mergeCell ref="G43:H43"/>
    <mergeCell ref="E46:F48"/>
    <mergeCell ref="G46:H46"/>
    <mergeCell ref="I46:J46"/>
    <mergeCell ref="L46:M46"/>
    <mergeCell ref="O46:P46"/>
    <mergeCell ref="R46:T46"/>
    <mergeCell ref="G47:H47"/>
    <mergeCell ref="I47:J47"/>
    <mergeCell ref="L47:M47"/>
    <mergeCell ref="O47:P47"/>
    <mergeCell ref="L50:M50"/>
    <mergeCell ref="O50:P50"/>
    <mergeCell ref="R50:S50"/>
    <mergeCell ref="R47:T47"/>
    <mergeCell ref="G48:H48"/>
    <mergeCell ref="I48:J48"/>
    <mergeCell ref="L48:M48"/>
    <mergeCell ref="O48:P48"/>
    <mergeCell ref="R48:T48"/>
    <mergeCell ref="O54:P54"/>
    <mergeCell ref="Q54:R54"/>
    <mergeCell ref="S54:T54"/>
    <mergeCell ref="B49:H49"/>
    <mergeCell ref="I49:J49"/>
    <mergeCell ref="L49:M49"/>
    <mergeCell ref="O49:P49"/>
    <mergeCell ref="R49:T49"/>
    <mergeCell ref="B50:H50"/>
    <mergeCell ref="I50:K50"/>
    <mergeCell ref="C54:D54"/>
    <mergeCell ref="E54:F54"/>
    <mergeCell ref="G54:H54"/>
    <mergeCell ref="I54:J54"/>
    <mergeCell ref="K54:L54"/>
    <mergeCell ref="M54:N54"/>
    <mergeCell ref="Q52:T52"/>
    <mergeCell ref="E53:F53"/>
    <mergeCell ref="G53:H53"/>
    <mergeCell ref="I53:J53"/>
    <mergeCell ref="K53:L53"/>
    <mergeCell ref="M53:N53"/>
    <mergeCell ref="O53:P53"/>
    <mergeCell ref="Q53:R53"/>
    <mergeCell ref="S53:T53"/>
    <mergeCell ref="M55:N55"/>
    <mergeCell ref="O55:P55"/>
    <mergeCell ref="Q55:R55"/>
    <mergeCell ref="S55:T55"/>
    <mergeCell ref="A51:A65"/>
    <mergeCell ref="B51:T51"/>
    <mergeCell ref="B52:D53"/>
    <mergeCell ref="E52:H52"/>
    <mergeCell ref="I52:L52"/>
    <mergeCell ref="M52:P52"/>
    <mergeCell ref="K57:L57"/>
    <mergeCell ref="M57:N57"/>
    <mergeCell ref="S58:T58"/>
    <mergeCell ref="E59:H59"/>
    <mergeCell ref="I59:T59"/>
    <mergeCell ref="C55:D55"/>
    <mergeCell ref="E55:F55"/>
    <mergeCell ref="G55:H55"/>
    <mergeCell ref="I55:J55"/>
    <mergeCell ref="K55:L55"/>
    <mergeCell ref="I58:J58"/>
    <mergeCell ref="K58:L58"/>
    <mergeCell ref="M58:N58"/>
    <mergeCell ref="O58:P58"/>
    <mergeCell ref="Q58:R58"/>
    <mergeCell ref="B56:T56"/>
    <mergeCell ref="B57:D59"/>
    <mergeCell ref="E57:F57"/>
    <mergeCell ref="G57:H57"/>
    <mergeCell ref="I57:J57"/>
    <mergeCell ref="B60:H60"/>
    <mergeCell ref="I60:J60"/>
    <mergeCell ref="L60:M60"/>
    <mergeCell ref="O60:P60"/>
    <mergeCell ref="R60:T60"/>
    <mergeCell ref="O57:P57"/>
    <mergeCell ref="Q57:R57"/>
    <mergeCell ref="S57:T57"/>
    <mergeCell ref="E58:F58"/>
    <mergeCell ref="G58:H58"/>
    <mergeCell ref="E61:F63"/>
    <mergeCell ref="G61:H61"/>
    <mergeCell ref="I61:J61"/>
    <mergeCell ref="L61:M61"/>
    <mergeCell ref="O61:P61"/>
    <mergeCell ref="R61:T61"/>
    <mergeCell ref="G62:H62"/>
    <mergeCell ref="I62:J62"/>
    <mergeCell ref="L62:M62"/>
    <mergeCell ref="O62:P62"/>
    <mergeCell ref="L65:M65"/>
    <mergeCell ref="O65:P65"/>
    <mergeCell ref="R65:S65"/>
    <mergeCell ref="R62:T62"/>
    <mergeCell ref="G63:H63"/>
    <mergeCell ref="I63:J63"/>
    <mergeCell ref="L63:M63"/>
    <mergeCell ref="O63:P63"/>
    <mergeCell ref="R63:T63"/>
    <mergeCell ref="Q75:T75"/>
    <mergeCell ref="E76:F76"/>
    <mergeCell ref="G76:T76"/>
    <mergeCell ref="B64:H64"/>
    <mergeCell ref="I64:J64"/>
    <mergeCell ref="L64:M64"/>
    <mergeCell ref="O64:P64"/>
    <mergeCell ref="R64:T64"/>
    <mergeCell ref="B65:H65"/>
    <mergeCell ref="I65:K65"/>
    <mergeCell ref="A66:D66"/>
    <mergeCell ref="E66:T66"/>
    <mergeCell ref="A68:T68"/>
    <mergeCell ref="A69:A76"/>
    <mergeCell ref="B69:D69"/>
    <mergeCell ref="E69:T69"/>
    <mergeCell ref="B70:D70"/>
    <mergeCell ref="E70:T70"/>
    <mergeCell ref="B71:D74"/>
    <mergeCell ref="E71:F71"/>
    <mergeCell ref="K71:T71"/>
    <mergeCell ref="E72:G73"/>
    <mergeCell ref="I72:M73"/>
    <mergeCell ref="O72:T73"/>
    <mergeCell ref="E74:T74"/>
    <mergeCell ref="B75:D76"/>
    <mergeCell ref="E75:F75"/>
    <mergeCell ref="G75:K75"/>
    <mergeCell ref="M75:N75"/>
    <mergeCell ref="O75:P75"/>
    <mergeCell ref="M81:N81"/>
    <mergeCell ref="O81:P81"/>
    <mergeCell ref="A77:T77"/>
    <mergeCell ref="A78:H78"/>
    <mergeCell ref="I78:J78"/>
    <mergeCell ref="L78:Q78"/>
    <mergeCell ref="R78:S78"/>
    <mergeCell ref="B83:H83"/>
    <mergeCell ref="I83:J83"/>
    <mergeCell ref="L83:M83"/>
    <mergeCell ref="O83:P83"/>
    <mergeCell ref="R83:T83"/>
    <mergeCell ref="S80:T80"/>
    <mergeCell ref="E81:F81"/>
    <mergeCell ref="G81:H81"/>
    <mergeCell ref="I81:J81"/>
    <mergeCell ref="K81:L81"/>
    <mergeCell ref="A79:A88"/>
    <mergeCell ref="B79:T79"/>
    <mergeCell ref="B80:D82"/>
    <mergeCell ref="E80:F80"/>
    <mergeCell ref="G80:H80"/>
    <mergeCell ref="I80:J80"/>
    <mergeCell ref="K80:L80"/>
    <mergeCell ref="M80:N80"/>
    <mergeCell ref="O80:P80"/>
    <mergeCell ref="Q80:R80"/>
    <mergeCell ref="E84:F86"/>
    <mergeCell ref="G84:H84"/>
    <mergeCell ref="I84:J84"/>
    <mergeCell ref="L84:M84"/>
    <mergeCell ref="O84:P84"/>
    <mergeCell ref="R84:T84"/>
    <mergeCell ref="G85:H85"/>
    <mergeCell ref="I85:J85"/>
    <mergeCell ref="L85:M85"/>
    <mergeCell ref="O85:P85"/>
    <mergeCell ref="Q81:R81"/>
    <mergeCell ref="S81:T81"/>
    <mergeCell ref="R85:T85"/>
    <mergeCell ref="G86:H86"/>
    <mergeCell ref="I86:J86"/>
    <mergeCell ref="L86:M86"/>
    <mergeCell ref="O86:P86"/>
    <mergeCell ref="R86:T86"/>
    <mergeCell ref="E82:H82"/>
    <mergeCell ref="I82:T82"/>
    <mergeCell ref="R87:T87"/>
    <mergeCell ref="B88:H88"/>
    <mergeCell ref="I88:K88"/>
    <mergeCell ref="L88:M88"/>
    <mergeCell ref="O88:P88"/>
    <mergeCell ref="R88:S88"/>
    <mergeCell ref="M91:N91"/>
    <mergeCell ref="O91:P91"/>
    <mergeCell ref="B87:H87"/>
    <mergeCell ref="I87:J87"/>
    <mergeCell ref="L87:M87"/>
    <mergeCell ref="O87:P87"/>
    <mergeCell ref="B93:H93"/>
    <mergeCell ref="I93:J93"/>
    <mergeCell ref="L93:M93"/>
    <mergeCell ref="O93:P93"/>
    <mergeCell ref="R93:T93"/>
    <mergeCell ref="S90:T90"/>
    <mergeCell ref="E91:F91"/>
    <mergeCell ref="G91:H91"/>
    <mergeCell ref="I91:J91"/>
    <mergeCell ref="K91:L91"/>
    <mergeCell ref="A89:A98"/>
    <mergeCell ref="B89:T89"/>
    <mergeCell ref="B90:D92"/>
    <mergeCell ref="E90:F90"/>
    <mergeCell ref="G90:H90"/>
    <mergeCell ref="I90:J90"/>
    <mergeCell ref="K90:L90"/>
    <mergeCell ref="M90:N90"/>
    <mergeCell ref="O90:P90"/>
    <mergeCell ref="Q90:R90"/>
    <mergeCell ref="E94:F96"/>
    <mergeCell ref="G94:H94"/>
    <mergeCell ref="I94:J94"/>
    <mergeCell ref="L94:M94"/>
    <mergeCell ref="O94:P94"/>
    <mergeCell ref="R94:T94"/>
    <mergeCell ref="G95:H95"/>
    <mergeCell ref="I95:J95"/>
    <mergeCell ref="L95:M95"/>
    <mergeCell ref="O95:P95"/>
    <mergeCell ref="Q91:R91"/>
    <mergeCell ref="S91:T91"/>
    <mergeCell ref="R95:T95"/>
    <mergeCell ref="G96:H96"/>
    <mergeCell ref="I96:J96"/>
    <mergeCell ref="L96:M96"/>
    <mergeCell ref="O96:P96"/>
    <mergeCell ref="R96:T96"/>
    <mergeCell ref="E92:H92"/>
    <mergeCell ref="I92:T92"/>
    <mergeCell ref="B97:H97"/>
    <mergeCell ref="I97:J97"/>
    <mergeCell ref="L97:M97"/>
    <mergeCell ref="O97:P97"/>
    <mergeCell ref="R97:T97"/>
    <mergeCell ref="B98:H98"/>
    <mergeCell ref="I98:K98"/>
    <mergeCell ref="L98:M98"/>
    <mergeCell ref="O98:P98"/>
    <mergeCell ref="R98:S98"/>
    <mergeCell ref="Q101:R101"/>
    <mergeCell ref="S101:T101"/>
    <mergeCell ref="E100:F100"/>
    <mergeCell ref="G100:H100"/>
    <mergeCell ref="I100:J100"/>
    <mergeCell ref="K100:L100"/>
    <mergeCell ref="M100:N100"/>
    <mergeCell ref="O100:P100"/>
    <mergeCell ref="Q100:R100"/>
    <mergeCell ref="E101:F101"/>
    <mergeCell ref="G101:H101"/>
    <mergeCell ref="I101:J101"/>
    <mergeCell ref="K101:L101"/>
    <mergeCell ref="M101:N101"/>
    <mergeCell ref="O101:P101"/>
    <mergeCell ref="O105:P105"/>
    <mergeCell ref="E102:H102"/>
    <mergeCell ref="I102:T102"/>
    <mergeCell ref="B103:H103"/>
    <mergeCell ref="I103:J103"/>
    <mergeCell ref="L103:M103"/>
    <mergeCell ref="O103:P103"/>
    <mergeCell ref="R103:T103"/>
    <mergeCell ref="B100:D102"/>
    <mergeCell ref="S100:T100"/>
    <mergeCell ref="R106:T106"/>
    <mergeCell ref="E104:F106"/>
    <mergeCell ref="G104:H104"/>
    <mergeCell ref="I104:J104"/>
    <mergeCell ref="L104:M104"/>
    <mergeCell ref="O104:P104"/>
    <mergeCell ref="R104:T104"/>
    <mergeCell ref="G105:H105"/>
    <mergeCell ref="I105:J105"/>
    <mergeCell ref="L105:M105"/>
    <mergeCell ref="L108:M108"/>
    <mergeCell ref="O108:P108"/>
    <mergeCell ref="R108:S108"/>
    <mergeCell ref="A99:A108"/>
    <mergeCell ref="B99:T99"/>
    <mergeCell ref="R105:T105"/>
    <mergeCell ref="G106:H106"/>
    <mergeCell ref="I106:J106"/>
    <mergeCell ref="L106:M106"/>
    <mergeCell ref="O106:P106"/>
    <mergeCell ref="A109:D109"/>
    <mergeCell ref="E109:T109"/>
    <mergeCell ref="B111:T111"/>
    <mergeCell ref="B107:H107"/>
    <mergeCell ref="I107:J107"/>
    <mergeCell ref="L107:M107"/>
    <mergeCell ref="O107:P107"/>
    <mergeCell ref="R107:T107"/>
    <mergeCell ref="B108:H108"/>
    <mergeCell ref="I108:K108"/>
  </mergeCells>
  <phoneticPr fontId="3"/>
  <dataValidations count="1">
    <dataValidation type="list" allowBlank="1" showInputMessage="1" showErrorMessage="1" sqref="E28:T28 E91:T91 E43:T43 E58:T58 E81:T81 E101:T101">
      <formula1>"〇"</formula1>
    </dataValidation>
  </dataValidations>
  <printOptions horizontalCentered="1"/>
  <pageMargins left="0.70866141732283472" right="0.70866141732283472" top="0.74803149606299213" bottom="0.74803149606299213" header="0.31496062992125984" footer="0.31496062992125984"/>
  <pageSetup paperSize="9" scale="60" fitToHeight="0" orientation="portrait" r:id="rId1"/>
  <headerFooter alignWithMargins="0"/>
  <rowBreaks count="1" manualBreakCount="1">
    <brk id="67" max="16383" man="1"/>
  </rowBreaks>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sizeWithCells="1">
                  <from>
                    <xdr:col>11</xdr:col>
                    <xdr:colOff>47625</xdr:colOff>
                    <xdr:row>16</xdr:row>
                    <xdr:rowOff>171450</xdr:rowOff>
                  </from>
                  <to>
                    <xdr:col>12</xdr:col>
                    <xdr:colOff>238125</xdr:colOff>
                    <xdr:row>18</xdr:row>
                    <xdr:rowOff>0</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sizeWithCells="1">
                  <from>
                    <xdr:col>13</xdr:col>
                    <xdr:colOff>57150</xdr:colOff>
                    <xdr:row>16</xdr:row>
                    <xdr:rowOff>171450</xdr:rowOff>
                  </from>
                  <to>
                    <xdr:col>14</xdr:col>
                    <xdr:colOff>228600</xdr:colOff>
                    <xdr:row>18</xdr:row>
                    <xdr:rowOff>0</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T92"/>
  <sheetViews>
    <sheetView view="pageBreakPreview" zoomScaleNormal="100" zoomScaleSheetLayoutView="100" workbookViewId="0">
      <selection sqref="A1:T1"/>
    </sheetView>
  </sheetViews>
  <sheetFormatPr defaultColWidth="8.75" defaultRowHeight="16.5" x14ac:dyDescent="0.4"/>
  <cols>
    <col min="1" max="1" width="5.625" style="189" customWidth="1"/>
    <col min="2" max="2" width="7.375" style="189" customWidth="1"/>
    <col min="3" max="3" width="6" style="189" customWidth="1"/>
    <col min="4" max="4" width="6.125" style="189" customWidth="1"/>
    <col min="5" max="7" width="7.375" style="189" customWidth="1"/>
    <col min="8" max="20" width="6.625" style="189" customWidth="1"/>
    <col min="21" max="16384" width="8.75" style="189"/>
  </cols>
  <sheetData>
    <row r="1" spans="1:20" ht="36.75" customHeight="1" x14ac:dyDescent="0.4">
      <c r="A1" s="327" t="s">
        <v>127</v>
      </c>
      <c r="B1" s="327"/>
      <c r="C1" s="327"/>
      <c r="D1" s="327"/>
      <c r="E1" s="327"/>
      <c r="F1" s="327"/>
      <c r="G1" s="327"/>
      <c r="H1" s="327"/>
      <c r="I1" s="327"/>
      <c r="J1" s="327"/>
      <c r="K1" s="327"/>
      <c r="L1" s="327"/>
      <c r="M1" s="327"/>
      <c r="N1" s="327"/>
      <c r="O1" s="327"/>
      <c r="P1" s="327"/>
      <c r="Q1" s="327"/>
      <c r="R1" s="327"/>
      <c r="S1" s="190"/>
      <c r="T1" s="190"/>
    </row>
    <row r="2" spans="1:20" s="254" customFormat="1" ht="15" customHeight="1" thickBot="1" x14ac:dyDescent="0.45">
      <c r="A2" s="326" t="s">
        <v>126</v>
      </c>
      <c r="B2" s="325"/>
      <c r="C2" s="325"/>
      <c r="D2" s="325"/>
      <c r="E2" s="325"/>
      <c r="F2" s="325"/>
      <c r="G2" s="325"/>
      <c r="H2" s="325"/>
      <c r="I2" s="325"/>
      <c r="J2" s="325"/>
      <c r="K2" s="325"/>
      <c r="L2" s="324"/>
      <c r="M2" s="324"/>
      <c r="N2" s="324"/>
      <c r="O2" s="324"/>
      <c r="P2" s="324"/>
      <c r="Q2" s="324"/>
      <c r="R2" s="324"/>
      <c r="S2" s="307"/>
      <c r="T2" s="307"/>
    </row>
    <row r="3" spans="1:20" s="254" customFormat="1" ht="15" customHeight="1" x14ac:dyDescent="0.4">
      <c r="A3" s="322" t="s">
        <v>125</v>
      </c>
      <c r="B3" s="251" t="s">
        <v>75</v>
      </c>
      <c r="C3" s="251"/>
      <c r="D3" s="251"/>
      <c r="E3" s="251"/>
      <c r="F3" s="251"/>
      <c r="G3" s="251"/>
      <c r="H3" s="251"/>
      <c r="I3" s="251"/>
      <c r="J3" s="251"/>
      <c r="K3" s="251"/>
      <c r="L3" s="251"/>
      <c r="M3" s="251"/>
      <c r="N3" s="251"/>
      <c r="O3" s="251"/>
      <c r="P3" s="251"/>
      <c r="Q3" s="251"/>
      <c r="R3" s="251"/>
      <c r="S3" s="251"/>
      <c r="T3" s="250"/>
    </row>
    <row r="4" spans="1:20" s="254" customFormat="1" ht="15" customHeight="1" x14ac:dyDescent="0.4">
      <c r="A4" s="313"/>
      <c r="B4" s="249" t="s">
        <v>74</v>
      </c>
      <c r="C4" s="248"/>
      <c r="D4" s="247"/>
      <c r="E4" s="280" t="s">
        <v>73</v>
      </c>
      <c r="F4" s="248"/>
      <c r="G4" s="248"/>
      <c r="H4" s="321"/>
      <c r="I4" s="249" t="s">
        <v>72</v>
      </c>
      <c r="J4" s="248"/>
      <c r="K4" s="248"/>
      <c r="L4" s="247"/>
      <c r="M4" s="271" t="s">
        <v>71</v>
      </c>
      <c r="N4" s="299"/>
      <c r="O4" s="299"/>
      <c r="P4" s="270"/>
      <c r="Q4" s="271" t="s">
        <v>70</v>
      </c>
      <c r="R4" s="299"/>
      <c r="S4" s="299"/>
      <c r="T4" s="318"/>
    </row>
    <row r="5" spans="1:20" s="254" customFormat="1" ht="15" customHeight="1" x14ac:dyDescent="0.4">
      <c r="A5" s="313"/>
      <c r="B5" s="221"/>
      <c r="C5" s="242"/>
      <c r="D5" s="241"/>
      <c r="E5" s="271" t="s">
        <v>69</v>
      </c>
      <c r="F5" s="270"/>
      <c r="G5" s="271" t="s">
        <v>68</v>
      </c>
      <c r="H5" s="270"/>
      <c r="I5" s="271" t="s">
        <v>69</v>
      </c>
      <c r="J5" s="270"/>
      <c r="K5" s="271" t="s">
        <v>68</v>
      </c>
      <c r="L5" s="270"/>
      <c r="M5" s="271" t="s">
        <v>69</v>
      </c>
      <c r="N5" s="270"/>
      <c r="O5" s="271" t="s">
        <v>68</v>
      </c>
      <c r="P5" s="270"/>
      <c r="Q5" s="299" t="s">
        <v>69</v>
      </c>
      <c r="R5" s="270"/>
      <c r="S5" s="271" t="s">
        <v>68</v>
      </c>
      <c r="T5" s="318"/>
    </row>
    <row r="6" spans="1:20" s="254" customFormat="1" ht="15" customHeight="1" x14ac:dyDescent="0.4">
      <c r="A6" s="313"/>
      <c r="B6" s="320"/>
      <c r="C6" s="271" t="s">
        <v>122</v>
      </c>
      <c r="D6" s="270"/>
      <c r="E6" s="271"/>
      <c r="F6" s="270"/>
      <c r="G6" s="271"/>
      <c r="H6" s="270"/>
      <c r="I6" s="271"/>
      <c r="J6" s="270"/>
      <c r="K6" s="271"/>
      <c r="L6" s="270"/>
      <c r="M6" s="271"/>
      <c r="N6" s="270"/>
      <c r="O6" s="271"/>
      <c r="P6" s="270"/>
      <c r="Q6" s="299"/>
      <c r="R6" s="270"/>
      <c r="S6" s="271"/>
      <c r="T6" s="318"/>
    </row>
    <row r="7" spans="1:20" s="254" customFormat="1" ht="15" customHeight="1" x14ac:dyDescent="0.4">
      <c r="A7" s="313"/>
      <c r="B7" s="319"/>
      <c r="C7" s="271" t="s">
        <v>66</v>
      </c>
      <c r="D7" s="270"/>
      <c r="E7" s="271"/>
      <c r="F7" s="270"/>
      <c r="G7" s="271"/>
      <c r="H7" s="270"/>
      <c r="I7" s="271"/>
      <c r="J7" s="270"/>
      <c r="K7" s="271"/>
      <c r="L7" s="270"/>
      <c r="M7" s="271"/>
      <c r="N7" s="270"/>
      <c r="O7" s="271"/>
      <c r="P7" s="270"/>
      <c r="Q7" s="299"/>
      <c r="R7" s="270"/>
      <c r="S7" s="271"/>
      <c r="T7" s="318"/>
    </row>
    <row r="8" spans="1:20" s="254" customFormat="1" ht="15" customHeight="1" x14ac:dyDescent="0.4">
      <c r="A8" s="313"/>
      <c r="B8" s="323" t="s">
        <v>27</v>
      </c>
      <c r="C8" s="317"/>
      <c r="D8" s="317"/>
      <c r="E8" s="317"/>
      <c r="F8" s="317"/>
      <c r="G8" s="317"/>
      <c r="H8" s="317"/>
      <c r="I8" s="317"/>
      <c r="J8" s="317"/>
      <c r="K8" s="317"/>
      <c r="L8" s="317"/>
      <c r="M8" s="317"/>
      <c r="N8" s="317"/>
      <c r="O8" s="317"/>
      <c r="P8" s="317"/>
      <c r="Q8" s="317"/>
      <c r="R8" s="317"/>
      <c r="S8" s="317"/>
      <c r="T8" s="316"/>
    </row>
    <row r="9" spans="1:20" s="254" customFormat="1" ht="16.350000000000001" customHeight="1" x14ac:dyDescent="0.4">
      <c r="A9" s="313"/>
      <c r="B9" s="249" t="s">
        <v>26</v>
      </c>
      <c r="C9" s="248"/>
      <c r="D9" s="247"/>
      <c r="E9" s="246" t="s">
        <v>25</v>
      </c>
      <c r="F9" s="245"/>
      <c r="G9" s="244" t="s">
        <v>24</v>
      </c>
      <c r="H9" s="245"/>
      <c r="I9" s="244" t="s">
        <v>23</v>
      </c>
      <c r="J9" s="245"/>
      <c r="K9" s="244" t="s">
        <v>22</v>
      </c>
      <c r="L9" s="245"/>
      <c r="M9" s="244" t="s">
        <v>21</v>
      </c>
      <c r="N9" s="245"/>
      <c r="O9" s="244" t="s">
        <v>20</v>
      </c>
      <c r="P9" s="245"/>
      <c r="Q9" s="244" t="s">
        <v>19</v>
      </c>
      <c r="R9" s="245"/>
      <c r="S9" s="244" t="s">
        <v>18</v>
      </c>
      <c r="T9" s="243"/>
    </row>
    <row r="10" spans="1:20" s="254" customFormat="1" ht="15.6" customHeight="1" x14ac:dyDescent="0.4">
      <c r="A10" s="313"/>
      <c r="B10" s="221"/>
      <c r="C10" s="242"/>
      <c r="D10" s="241"/>
      <c r="E10" s="240"/>
      <c r="F10" s="239"/>
      <c r="G10" s="240"/>
      <c r="H10" s="239"/>
      <c r="I10" s="240"/>
      <c r="J10" s="239"/>
      <c r="K10" s="240"/>
      <c r="L10" s="239"/>
      <c r="M10" s="240"/>
      <c r="N10" s="239"/>
      <c r="O10" s="240"/>
      <c r="P10" s="239"/>
      <c r="Q10" s="240"/>
      <c r="R10" s="239"/>
      <c r="S10" s="238"/>
      <c r="T10" s="237"/>
    </row>
    <row r="11" spans="1:20" s="254" customFormat="1" ht="15.6" customHeight="1" x14ac:dyDescent="0.4">
      <c r="A11" s="313"/>
      <c r="B11" s="217"/>
      <c r="C11" s="236"/>
      <c r="D11" s="235"/>
      <c r="E11" s="234" t="s">
        <v>38</v>
      </c>
      <c r="F11" s="233"/>
      <c r="G11" s="233"/>
      <c r="H11" s="232"/>
      <c r="I11" s="231"/>
      <c r="J11" s="230"/>
      <c r="K11" s="230"/>
      <c r="L11" s="230"/>
      <c r="M11" s="230"/>
      <c r="N11" s="230"/>
      <c r="O11" s="230"/>
      <c r="P11" s="230"/>
      <c r="Q11" s="230"/>
      <c r="R11" s="230"/>
      <c r="S11" s="230"/>
      <c r="T11" s="229"/>
    </row>
    <row r="12" spans="1:20" s="254" customFormat="1" ht="15.95" customHeight="1" x14ac:dyDescent="0.4">
      <c r="A12" s="313"/>
      <c r="B12" s="228" t="s">
        <v>77</v>
      </c>
      <c r="C12" s="227"/>
      <c r="D12" s="227"/>
      <c r="E12" s="315"/>
      <c r="F12" s="315"/>
      <c r="G12" s="315"/>
      <c r="H12" s="314"/>
      <c r="I12" s="207"/>
      <c r="J12" s="205"/>
      <c r="K12" s="212" t="s">
        <v>7</v>
      </c>
      <c r="L12" s="205"/>
      <c r="M12" s="205"/>
      <c r="N12" s="213" t="s">
        <v>29</v>
      </c>
      <c r="O12" s="205"/>
      <c r="P12" s="205"/>
      <c r="Q12" s="212" t="s">
        <v>7</v>
      </c>
      <c r="R12" s="203"/>
      <c r="S12" s="203"/>
      <c r="T12" s="202"/>
    </row>
    <row r="13" spans="1:20" s="254" customFormat="1" ht="15.95" customHeight="1" x14ac:dyDescent="0.4">
      <c r="A13" s="313"/>
      <c r="B13" s="223"/>
      <c r="C13" s="222"/>
      <c r="D13" s="222"/>
      <c r="E13" s="225" t="s">
        <v>36</v>
      </c>
      <c r="F13" s="224"/>
      <c r="G13" s="215" t="s">
        <v>14</v>
      </c>
      <c r="H13" s="214"/>
      <c r="I13" s="207"/>
      <c r="J13" s="205"/>
      <c r="K13" s="212" t="s">
        <v>7</v>
      </c>
      <c r="L13" s="205"/>
      <c r="M13" s="205"/>
      <c r="N13" s="213" t="s">
        <v>29</v>
      </c>
      <c r="O13" s="205"/>
      <c r="P13" s="205"/>
      <c r="Q13" s="212" t="s">
        <v>7</v>
      </c>
      <c r="R13" s="203"/>
      <c r="S13" s="203"/>
      <c r="T13" s="202"/>
    </row>
    <row r="14" spans="1:20" s="254" customFormat="1" ht="15.95" customHeight="1" x14ac:dyDescent="0.4">
      <c r="A14" s="313"/>
      <c r="B14" s="223"/>
      <c r="C14" s="222"/>
      <c r="D14" s="222"/>
      <c r="E14" s="221"/>
      <c r="F14" s="220"/>
      <c r="G14" s="215" t="s">
        <v>13</v>
      </c>
      <c r="H14" s="214"/>
      <c r="I14" s="207"/>
      <c r="J14" s="205"/>
      <c r="K14" s="212" t="s">
        <v>7</v>
      </c>
      <c r="L14" s="205"/>
      <c r="M14" s="205"/>
      <c r="N14" s="213" t="s">
        <v>29</v>
      </c>
      <c r="O14" s="205"/>
      <c r="P14" s="205"/>
      <c r="Q14" s="212" t="s">
        <v>7</v>
      </c>
      <c r="R14" s="203"/>
      <c r="S14" s="203"/>
      <c r="T14" s="202"/>
    </row>
    <row r="15" spans="1:20" s="254" customFormat="1" ht="15.95" customHeight="1" x14ac:dyDescent="0.4">
      <c r="A15" s="313"/>
      <c r="B15" s="219"/>
      <c r="C15" s="218"/>
      <c r="D15" s="218"/>
      <c r="E15" s="217"/>
      <c r="F15" s="216"/>
      <c r="G15" s="215" t="s">
        <v>11</v>
      </c>
      <c r="H15" s="214"/>
      <c r="I15" s="207"/>
      <c r="J15" s="205"/>
      <c r="K15" s="212" t="s">
        <v>7</v>
      </c>
      <c r="L15" s="205"/>
      <c r="M15" s="205"/>
      <c r="N15" s="213" t="s">
        <v>29</v>
      </c>
      <c r="O15" s="205"/>
      <c r="P15" s="205"/>
      <c r="Q15" s="212" t="s">
        <v>7</v>
      </c>
      <c r="R15" s="203"/>
      <c r="S15" s="203"/>
      <c r="T15" s="202"/>
    </row>
    <row r="16" spans="1:20" s="254" customFormat="1" ht="16.350000000000001" customHeight="1" x14ac:dyDescent="0.4">
      <c r="A16" s="313"/>
      <c r="B16" s="210" t="s">
        <v>9</v>
      </c>
      <c r="C16" s="209"/>
      <c r="D16" s="209"/>
      <c r="E16" s="209"/>
      <c r="F16" s="209"/>
      <c r="G16" s="209"/>
      <c r="H16" s="208"/>
      <c r="I16" s="207"/>
      <c r="J16" s="205"/>
      <c r="K16" s="204" t="s">
        <v>7</v>
      </c>
      <c r="L16" s="205"/>
      <c r="M16" s="205"/>
      <c r="N16" s="206" t="s">
        <v>29</v>
      </c>
      <c r="O16" s="205"/>
      <c r="P16" s="205"/>
      <c r="Q16" s="204" t="s">
        <v>7</v>
      </c>
      <c r="R16" s="203"/>
      <c r="S16" s="203"/>
      <c r="T16" s="202"/>
    </row>
    <row r="17" spans="1:20" s="254" customFormat="1" ht="16.350000000000001" customHeight="1" thickBot="1" x14ac:dyDescent="0.45">
      <c r="A17" s="312"/>
      <c r="B17" s="257" t="s">
        <v>6</v>
      </c>
      <c r="C17" s="194"/>
      <c r="D17" s="194"/>
      <c r="E17" s="194"/>
      <c r="F17" s="194"/>
      <c r="G17" s="194"/>
      <c r="H17" s="258"/>
      <c r="I17" s="197"/>
      <c r="J17" s="196"/>
      <c r="K17" s="196"/>
      <c r="L17" s="192" t="s">
        <v>5</v>
      </c>
      <c r="M17" s="192"/>
      <c r="N17" s="195"/>
      <c r="O17" s="194"/>
      <c r="P17" s="194"/>
      <c r="Q17" s="193"/>
      <c r="R17" s="192"/>
      <c r="S17" s="192"/>
      <c r="T17" s="191"/>
    </row>
    <row r="18" spans="1:20" s="254" customFormat="1" ht="15" customHeight="1" x14ac:dyDescent="0.4">
      <c r="A18" s="322" t="s">
        <v>124</v>
      </c>
      <c r="B18" s="252" t="s">
        <v>75</v>
      </c>
      <c r="C18" s="251"/>
      <c r="D18" s="251"/>
      <c r="E18" s="251"/>
      <c r="F18" s="251"/>
      <c r="G18" s="251"/>
      <c r="H18" s="251"/>
      <c r="I18" s="251"/>
      <c r="J18" s="251"/>
      <c r="K18" s="251"/>
      <c r="L18" s="251"/>
      <c r="M18" s="251"/>
      <c r="N18" s="251"/>
      <c r="O18" s="251"/>
      <c r="P18" s="251"/>
      <c r="Q18" s="251"/>
      <c r="R18" s="251"/>
      <c r="S18" s="251"/>
      <c r="T18" s="250"/>
    </row>
    <row r="19" spans="1:20" s="254" customFormat="1" ht="15" customHeight="1" x14ac:dyDescent="0.4">
      <c r="A19" s="313"/>
      <c r="B19" s="249" t="s">
        <v>74</v>
      </c>
      <c r="C19" s="248"/>
      <c r="D19" s="247"/>
      <c r="E19" s="280" t="s">
        <v>73</v>
      </c>
      <c r="F19" s="248"/>
      <c r="G19" s="248"/>
      <c r="H19" s="321"/>
      <c r="I19" s="249" t="s">
        <v>72</v>
      </c>
      <c r="J19" s="248"/>
      <c r="K19" s="248"/>
      <c r="L19" s="247"/>
      <c r="M19" s="271" t="s">
        <v>71</v>
      </c>
      <c r="N19" s="299"/>
      <c r="O19" s="299"/>
      <c r="P19" s="270"/>
      <c r="Q19" s="271" t="s">
        <v>70</v>
      </c>
      <c r="R19" s="299"/>
      <c r="S19" s="299"/>
      <c r="T19" s="318"/>
    </row>
    <row r="20" spans="1:20" s="254" customFormat="1" ht="15" customHeight="1" x14ac:dyDescent="0.4">
      <c r="A20" s="313"/>
      <c r="B20" s="221"/>
      <c r="C20" s="242"/>
      <c r="D20" s="241"/>
      <c r="E20" s="271" t="s">
        <v>69</v>
      </c>
      <c r="F20" s="270"/>
      <c r="G20" s="271" t="s">
        <v>68</v>
      </c>
      <c r="H20" s="270"/>
      <c r="I20" s="271" t="s">
        <v>69</v>
      </c>
      <c r="J20" s="270"/>
      <c r="K20" s="271" t="s">
        <v>68</v>
      </c>
      <c r="L20" s="270"/>
      <c r="M20" s="271" t="s">
        <v>69</v>
      </c>
      <c r="N20" s="270"/>
      <c r="O20" s="271" t="s">
        <v>68</v>
      </c>
      <c r="P20" s="270"/>
      <c r="Q20" s="299" t="s">
        <v>69</v>
      </c>
      <c r="R20" s="270"/>
      <c r="S20" s="271" t="s">
        <v>68</v>
      </c>
      <c r="T20" s="318"/>
    </row>
    <row r="21" spans="1:20" s="254" customFormat="1" ht="15" customHeight="1" x14ac:dyDescent="0.4">
      <c r="A21" s="313"/>
      <c r="B21" s="320"/>
      <c r="C21" s="271" t="s">
        <v>122</v>
      </c>
      <c r="D21" s="270"/>
      <c r="E21" s="271"/>
      <c r="F21" s="270"/>
      <c r="G21" s="271"/>
      <c r="H21" s="270"/>
      <c r="I21" s="271"/>
      <c r="J21" s="270"/>
      <c r="K21" s="271"/>
      <c r="L21" s="270"/>
      <c r="M21" s="271"/>
      <c r="N21" s="270"/>
      <c r="O21" s="271"/>
      <c r="P21" s="270"/>
      <c r="Q21" s="299"/>
      <c r="R21" s="270"/>
      <c r="S21" s="271"/>
      <c r="T21" s="318"/>
    </row>
    <row r="22" spans="1:20" s="254" customFormat="1" ht="15" customHeight="1" x14ac:dyDescent="0.4">
      <c r="A22" s="313"/>
      <c r="B22" s="319"/>
      <c r="C22" s="271" t="s">
        <v>66</v>
      </c>
      <c r="D22" s="270"/>
      <c r="E22" s="271"/>
      <c r="F22" s="270"/>
      <c r="G22" s="271"/>
      <c r="H22" s="270"/>
      <c r="I22" s="271"/>
      <c r="J22" s="270"/>
      <c r="K22" s="271"/>
      <c r="L22" s="270"/>
      <c r="M22" s="271"/>
      <c r="N22" s="270"/>
      <c r="O22" s="271"/>
      <c r="P22" s="270"/>
      <c r="Q22" s="299"/>
      <c r="R22" s="270"/>
      <c r="S22" s="271"/>
      <c r="T22" s="318"/>
    </row>
    <row r="23" spans="1:20" s="254" customFormat="1" ht="15" customHeight="1" x14ac:dyDescent="0.4">
      <c r="A23" s="313"/>
      <c r="B23" s="323" t="s">
        <v>27</v>
      </c>
      <c r="C23" s="317"/>
      <c r="D23" s="317"/>
      <c r="E23" s="317"/>
      <c r="F23" s="317"/>
      <c r="G23" s="317"/>
      <c r="H23" s="317"/>
      <c r="I23" s="317"/>
      <c r="J23" s="317"/>
      <c r="K23" s="317"/>
      <c r="L23" s="317"/>
      <c r="M23" s="317"/>
      <c r="N23" s="317"/>
      <c r="O23" s="317"/>
      <c r="P23" s="317"/>
      <c r="Q23" s="317"/>
      <c r="R23" s="317"/>
      <c r="S23" s="317"/>
      <c r="T23" s="316"/>
    </row>
    <row r="24" spans="1:20" s="254" customFormat="1" ht="16.350000000000001" customHeight="1" x14ac:dyDescent="0.4">
      <c r="A24" s="313"/>
      <c r="B24" s="249" t="s">
        <v>26</v>
      </c>
      <c r="C24" s="248"/>
      <c r="D24" s="247"/>
      <c r="E24" s="246" t="s">
        <v>25</v>
      </c>
      <c r="F24" s="245"/>
      <c r="G24" s="244" t="s">
        <v>24</v>
      </c>
      <c r="H24" s="245"/>
      <c r="I24" s="244" t="s">
        <v>23</v>
      </c>
      <c r="J24" s="245"/>
      <c r="K24" s="244" t="s">
        <v>22</v>
      </c>
      <c r="L24" s="245"/>
      <c r="M24" s="244" t="s">
        <v>21</v>
      </c>
      <c r="N24" s="245"/>
      <c r="O24" s="244" t="s">
        <v>20</v>
      </c>
      <c r="P24" s="245"/>
      <c r="Q24" s="244" t="s">
        <v>19</v>
      </c>
      <c r="R24" s="245"/>
      <c r="S24" s="244" t="s">
        <v>18</v>
      </c>
      <c r="T24" s="243"/>
    </row>
    <row r="25" spans="1:20" s="254" customFormat="1" ht="15.6" customHeight="1" x14ac:dyDescent="0.4">
      <c r="A25" s="313"/>
      <c r="B25" s="221"/>
      <c r="C25" s="242"/>
      <c r="D25" s="241"/>
      <c r="E25" s="240"/>
      <c r="F25" s="239"/>
      <c r="G25" s="240"/>
      <c r="H25" s="239"/>
      <c r="I25" s="240"/>
      <c r="J25" s="239"/>
      <c r="K25" s="240"/>
      <c r="L25" s="239"/>
      <c r="M25" s="240"/>
      <c r="N25" s="239"/>
      <c r="O25" s="240"/>
      <c r="P25" s="239"/>
      <c r="Q25" s="240"/>
      <c r="R25" s="239"/>
      <c r="S25" s="238"/>
      <c r="T25" s="237"/>
    </row>
    <row r="26" spans="1:20" s="254" customFormat="1" ht="15.6" customHeight="1" x14ac:dyDescent="0.4">
      <c r="A26" s="313"/>
      <c r="B26" s="217"/>
      <c r="C26" s="236"/>
      <c r="D26" s="235"/>
      <c r="E26" s="234" t="s">
        <v>38</v>
      </c>
      <c r="F26" s="233"/>
      <c r="G26" s="233"/>
      <c r="H26" s="232"/>
      <c r="I26" s="231"/>
      <c r="J26" s="230"/>
      <c r="K26" s="230"/>
      <c r="L26" s="230"/>
      <c r="M26" s="230"/>
      <c r="N26" s="230"/>
      <c r="O26" s="230"/>
      <c r="P26" s="230"/>
      <c r="Q26" s="230"/>
      <c r="R26" s="230"/>
      <c r="S26" s="230"/>
      <c r="T26" s="229"/>
    </row>
    <row r="27" spans="1:20" s="254" customFormat="1" ht="15.95" customHeight="1" x14ac:dyDescent="0.4">
      <c r="A27" s="313"/>
      <c r="B27" s="228" t="s">
        <v>77</v>
      </c>
      <c r="C27" s="227"/>
      <c r="D27" s="227"/>
      <c r="E27" s="315"/>
      <c r="F27" s="315"/>
      <c r="G27" s="315"/>
      <c r="H27" s="314"/>
      <c r="I27" s="207"/>
      <c r="J27" s="205"/>
      <c r="K27" s="212" t="s">
        <v>7</v>
      </c>
      <c r="L27" s="205"/>
      <c r="M27" s="205"/>
      <c r="N27" s="213" t="s">
        <v>29</v>
      </c>
      <c r="O27" s="205"/>
      <c r="P27" s="205"/>
      <c r="Q27" s="212" t="s">
        <v>7</v>
      </c>
      <c r="R27" s="203"/>
      <c r="S27" s="203"/>
      <c r="T27" s="202"/>
    </row>
    <row r="28" spans="1:20" s="254" customFormat="1" ht="15.95" customHeight="1" x14ac:dyDescent="0.4">
      <c r="A28" s="313"/>
      <c r="B28" s="223"/>
      <c r="C28" s="222"/>
      <c r="D28" s="222"/>
      <c r="E28" s="225" t="s">
        <v>36</v>
      </c>
      <c r="F28" s="224"/>
      <c r="G28" s="215" t="s">
        <v>14</v>
      </c>
      <c r="H28" s="214"/>
      <c r="I28" s="207"/>
      <c r="J28" s="205"/>
      <c r="K28" s="212" t="s">
        <v>7</v>
      </c>
      <c r="L28" s="205"/>
      <c r="M28" s="205"/>
      <c r="N28" s="213" t="s">
        <v>29</v>
      </c>
      <c r="O28" s="205"/>
      <c r="P28" s="205"/>
      <c r="Q28" s="212" t="s">
        <v>7</v>
      </c>
      <c r="R28" s="203"/>
      <c r="S28" s="203"/>
      <c r="T28" s="202"/>
    </row>
    <row r="29" spans="1:20" s="254" customFormat="1" ht="15.95" customHeight="1" x14ac:dyDescent="0.4">
      <c r="A29" s="313"/>
      <c r="B29" s="223"/>
      <c r="C29" s="222"/>
      <c r="D29" s="222"/>
      <c r="E29" s="221"/>
      <c r="F29" s="220"/>
      <c r="G29" s="215" t="s">
        <v>13</v>
      </c>
      <c r="H29" s="214"/>
      <c r="I29" s="207"/>
      <c r="J29" s="205"/>
      <c r="K29" s="212" t="s">
        <v>7</v>
      </c>
      <c r="L29" s="205"/>
      <c r="M29" s="205"/>
      <c r="N29" s="213" t="s">
        <v>29</v>
      </c>
      <c r="O29" s="205"/>
      <c r="P29" s="205"/>
      <c r="Q29" s="212" t="s">
        <v>7</v>
      </c>
      <c r="R29" s="203"/>
      <c r="S29" s="203"/>
      <c r="T29" s="202"/>
    </row>
    <row r="30" spans="1:20" s="254" customFormat="1" ht="15.95" customHeight="1" x14ac:dyDescent="0.4">
      <c r="A30" s="313"/>
      <c r="B30" s="219"/>
      <c r="C30" s="218"/>
      <c r="D30" s="218"/>
      <c r="E30" s="217"/>
      <c r="F30" s="216"/>
      <c r="G30" s="215" t="s">
        <v>11</v>
      </c>
      <c r="H30" s="214"/>
      <c r="I30" s="207"/>
      <c r="J30" s="205"/>
      <c r="K30" s="212" t="s">
        <v>7</v>
      </c>
      <c r="L30" s="205"/>
      <c r="M30" s="205"/>
      <c r="N30" s="213" t="s">
        <v>29</v>
      </c>
      <c r="O30" s="205"/>
      <c r="P30" s="205"/>
      <c r="Q30" s="212" t="s">
        <v>7</v>
      </c>
      <c r="R30" s="203"/>
      <c r="S30" s="203"/>
      <c r="T30" s="202"/>
    </row>
    <row r="31" spans="1:20" s="254" customFormat="1" ht="16.350000000000001" customHeight="1" x14ac:dyDescent="0.4">
      <c r="A31" s="313"/>
      <c r="B31" s="210" t="s">
        <v>9</v>
      </c>
      <c r="C31" s="209"/>
      <c r="D31" s="209"/>
      <c r="E31" s="209"/>
      <c r="F31" s="209"/>
      <c r="G31" s="209"/>
      <c r="H31" s="208"/>
      <c r="I31" s="207"/>
      <c r="J31" s="205"/>
      <c r="K31" s="204" t="s">
        <v>7</v>
      </c>
      <c r="L31" s="205"/>
      <c r="M31" s="205"/>
      <c r="N31" s="206" t="s">
        <v>29</v>
      </c>
      <c r="O31" s="205"/>
      <c r="P31" s="205"/>
      <c r="Q31" s="204" t="s">
        <v>7</v>
      </c>
      <c r="R31" s="203"/>
      <c r="S31" s="203"/>
      <c r="T31" s="202"/>
    </row>
    <row r="32" spans="1:20" s="254" customFormat="1" ht="16.350000000000001" customHeight="1" thickBot="1" x14ac:dyDescent="0.45">
      <c r="A32" s="313"/>
      <c r="B32" s="257" t="s">
        <v>6</v>
      </c>
      <c r="C32" s="194"/>
      <c r="D32" s="194"/>
      <c r="E32" s="194"/>
      <c r="F32" s="194"/>
      <c r="G32" s="194"/>
      <c r="H32" s="258"/>
      <c r="I32" s="197"/>
      <c r="J32" s="196"/>
      <c r="K32" s="196"/>
      <c r="L32" s="192" t="s">
        <v>5</v>
      </c>
      <c r="M32" s="192"/>
      <c r="N32" s="195"/>
      <c r="O32" s="194"/>
      <c r="P32" s="194"/>
      <c r="Q32" s="193"/>
      <c r="R32" s="192"/>
      <c r="S32" s="192"/>
      <c r="T32" s="191"/>
    </row>
    <row r="33" spans="1:20" s="254" customFormat="1" ht="15" customHeight="1" x14ac:dyDescent="0.4">
      <c r="A33" s="322" t="s">
        <v>123</v>
      </c>
      <c r="B33" s="251" t="s">
        <v>75</v>
      </c>
      <c r="C33" s="251"/>
      <c r="D33" s="251"/>
      <c r="E33" s="251"/>
      <c r="F33" s="251"/>
      <c r="G33" s="251"/>
      <c r="H33" s="251"/>
      <c r="I33" s="251"/>
      <c r="J33" s="251"/>
      <c r="K33" s="251"/>
      <c r="L33" s="251"/>
      <c r="M33" s="251"/>
      <c r="N33" s="251"/>
      <c r="O33" s="251"/>
      <c r="P33" s="251"/>
      <c r="Q33" s="251"/>
      <c r="R33" s="251"/>
      <c r="S33" s="251"/>
      <c r="T33" s="250"/>
    </row>
    <row r="34" spans="1:20" s="254" customFormat="1" ht="15" customHeight="1" x14ac:dyDescent="0.4">
      <c r="A34" s="313"/>
      <c r="B34" s="249" t="s">
        <v>74</v>
      </c>
      <c r="C34" s="248"/>
      <c r="D34" s="247"/>
      <c r="E34" s="280" t="s">
        <v>73</v>
      </c>
      <c r="F34" s="248"/>
      <c r="G34" s="248"/>
      <c r="H34" s="321"/>
      <c r="I34" s="249" t="s">
        <v>72</v>
      </c>
      <c r="J34" s="248"/>
      <c r="K34" s="248"/>
      <c r="L34" s="247"/>
      <c r="M34" s="271" t="s">
        <v>71</v>
      </c>
      <c r="N34" s="299"/>
      <c r="O34" s="299"/>
      <c r="P34" s="270"/>
      <c r="Q34" s="271" t="s">
        <v>70</v>
      </c>
      <c r="R34" s="299"/>
      <c r="S34" s="299"/>
      <c r="T34" s="318"/>
    </row>
    <row r="35" spans="1:20" s="254" customFormat="1" ht="15" customHeight="1" x14ac:dyDescent="0.4">
      <c r="A35" s="313"/>
      <c r="B35" s="221"/>
      <c r="C35" s="242"/>
      <c r="D35" s="241"/>
      <c r="E35" s="271" t="s">
        <v>69</v>
      </c>
      <c r="F35" s="270"/>
      <c r="G35" s="271" t="s">
        <v>68</v>
      </c>
      <c r="H35" s="270"/>
      <c r="I35" s="271" t="s">
        <v>69</v>
      </c>
      <c r="J35" s="270"/>
      <c r="K35" s="271" t="s">
        <v>68</v>
      </c>
      <c r="L35" s="270"/>
      <c r="M35" s="271" t="s">
        <v>69</v>
      </c>
      <c r="N35" s="270"/>
      <c r="O35" s="271" t="s">
        <v>68</v>
      </c>
      <c r="P35" s="270"/>
      <c r="Q35" s="299" t="s">
        <v>69</v>
      </c>
      <c r="R35" s="270"/>
      <c r="S35" s="271" t="s">
        <v>68</v>
      </c>
      <c r="T35" s="318"/>
    </row>
    <row r="36" spans="1:20" s="254" customFormat="1" ht="15" customHeight="1" x14ac:dyDescent="0.4">
      <c r="A36" s="313"/>
      <c r="B36" s="320"/>
      <c r="C36" s="271" t="s">
        <v>122</v>
      </c>
      <c r="D36" s="270"/>
      <c r="E36" s="271"/>
      <c r="F36" s="270"/>
      <c r="G36" s="271"/>
      <c r="H36" s="270"/>
      <c r="I36" s="271"/>
      <c r="J36" s="270"/>
      <c r="K36" s="271"/>
      <c r="L36" s="270"/>
      <c r="M36" s="271"/>
      <c r="N36" s="270"/>
      <c r="O36" s="271"/>
      <c r="P36" s="270"/>
      <c r="Q36" s="299"/>
      <c r="R36" s="270"/>
      <c r="S36" s="271"/>
      <c r="T36" s="318"/>
    </row>
    <row r="37" spans="1:20" s="254" customFormat="1" ht="15" customHeight="1" x14ac:dyDescent="0.4">
      <c r="A37" s="313"/>
      <c r="B37" s="319"/>
      <c r="C37" s="271" t="s">
        <v>66</v>
      </c>
      <c r="D37" s="270"/>
      <c r="E37" s="271"/>
      <c r="F37" s="270"/>
      <c r="G37" s="271"/>
      <c r="H37" s="270"/>
      <c r="I37" s="271"/>
      <c r="J37" s="270"/>
      <c r="K37" s="271"/>
      <c r="L37" s="270"/>
      <c r="M37" s="271"/>
      <c r="N37" s="270"/>
      <c r="O37" s="271"/>
      <c r="P37" s="270"/>
      <c r="Q37" s="299"/>
      <c r="R37" s="270"/>
      <c r="S37" s="271"/>
      <c r="T37" s="318"/>
    </row>
    <row r="38" spans="1:20" s="254" customFormat="1" ht="15" customHeight="1" x14ac:dyDescent="0.4">
      <c r="A38" s="313"/>
      <c r="B38" s="317" t="s">
        <v>27</v>
      </c>
      <c r="C38" s="317"/>
      <c r="D38" s="317"/>
      <c r="E38" s="317"/>
      <c r="F38" s="317"/>
      <c r="G38" s="317"/>
      <c r="H38" s="317"/>
      <c r="I38" s="317"/>
      <c r="J38" s="317"/>
      <c r="K38" s="317"/>
      <c r="L38" s="317"/>
      <c r="M38" s="317"/>
      <c r="N38" s="317"/>
      <c r="O38" s="317"/>
      <c r="P38" s="317"/>
      <c r="Q38" s="317"/>
      <c r="R38" s="317"/>
      <c r="S38" s="317"/>
      <c r="T38" s="316"/>
    </row>
    <row r="39" spans="1:20" s="254" customFormat="1" ht="16.350000000000001" customHeight="1" x14ac:dyDescent="0.4">
      <c r="A39" s="313"/>
      <c r="B39" s="249" t="s">
        <v>26</v>
      </c>
      <c r="C39" s="248"/>
      <c r="D39" s="247"/>
      <c r="E39" s="246" t="s">
        <v>25</v>
      </c>
      <c r="F39" s="245"/>
      <c r="G39" s="244" t="s">
        <v>24</v>
      </c>
      <c r="H39" s="245"/>
      <c r="I39" s="244" t="s">
        <v>23</v>
      </c>
      <c r="J39" s="245"/>
      <c r="K39" s="244" t="s">
        <v>22</v>
      </c>
      <c r="L39" s="245"/>
      <c r="M39" s="244" t="s">
        <v>21</v>
      </c>
      <c r="N39" s="245"/>
      <c r="O39" s="244" t="s">
        <v>20</v>
      </c>
      <c r="P39" s="245"/>
      <c r="Q39" s="244" t="s">
        <v>19</v>
      </c>
      <c r="R39" s="245"/>
      <c r="S39" s="244" t="s">
        <v>18</v>
      </c>
      <c r="T39" s="243"/>
    </row>
    <row r="40" spans="1:20" s="254" customFormat="1" ht="15.6" customHeight="1" x14ac:dyDescent="0.4">
      <c r="A40" s="313"/>
      <c r="B40" s="221"/>
      <c r="C40" s="242"/>
      <c r="D40" s="241"/>
      <c r="E40" s="240"/>
      <c r="F40" s="239"/>
      <c r="G40" s="240"/>
      <c r="H40" s="239"/>
      <c r="I40" s="240"/>
      <c r="J40" s="239"/>
      <c r="K40" s="240"/>
      <c r="L40" s="239"/>
      <c r="M40" s="240"/>
      <c r="N40" s="239"/>
      <c r="O40" s="240"/>
      <c r="P40" s="239"/>
      <c r="Q40" s="240"/>
      <c r="R40" s="239"/>
      <c r="S40" s="238"/>
      <c r="T40" s="237"/>
    </row>
    <row r="41" spans="1:20" s="254" customFormat="1" ht="15.6" customHeight="1" x14ac:dyDescent="0.4">
      <c r="A41" s="313"/>
      <c r="B41" s="217"/>
      <c r="C41" s="236"/>
      <c r="D41" s="235"/>
      <c r="E41" s="234" t="s">
        <v>38</v>
      </c>
      <c r="F41" s="233"/>
      <c r="G41" s="233"/>
      <c r="H41" s="232"/>
      <c r="I41" s="231"/>
      <c r="J41" s="230"/>
      <c r="K41" s="230"/>
      <c r="L41" s="230"/>
      <c r="M41" s="230"/>
      <c r="N41" s="230"/>
      <c r="O41" s="230"/>
      <c r="P41" s="230"/>
      <c r="Q41" s="230"/>
      <c r="R41" s="230"/>
      <c r="S41" s="230"/>
      <c r="T41" s="229"/>
    </row>
    <row r="42" spans="1:20" s="254" customFormat="1" ht="15.95" customHeight="1" x14ac:dyDescent="0.4">
      <c r="A42" s="313"/>
      <c r="B42" s="228" t="s">
        <v>77</v>
      </c>
      <c r="C42" s="227"/>
      <c r="D42" s="227"/>
      <c r="E42" s="315"/>
      <c r="F42" s="315"/>
      <c r="G42" s="315"/>
      <c r="H42" s="314"/>
      <c r="I42" s="207"/>
      <c r="J42" s="205"/>
      <c r="K42" s="212" t="s">
        <v>7</v>
      </c>
      <c r="L42" s="205"/>
      <c r="M42" s="205"/>
      <c r="N42" s="213" t="s">
        <v>29</v>
      </c>
      <c r="O42" s="205"/>
      <c r="P42" s="205"/>
      <c r="Q42" s="212" t="s">
        <v>7</v>
      </c>
      <c r="R42" s="203"/>
      <c r="S42" s="203"/>
      <c r="T42" s="202"/>
    </row>
    <row r="43" spans="1:20" s="254" customFormat="1" ht="15.95" customHeight="1" x14ac:dyDescent="0.4">
      <c r="A43" s="313"/>
      <c r="B43" s="223"/>
      <c r="C43" s="222"/>
      <c r="D43" s="222"/>
      <c r="E43" s="225" t="s">
        <v>36</v>
      </c>
      <c r="F43" s="224"/>
      <c r="G43" s="215" t="s">
        <v>14</v>
      </c>
      <c r="H43" s="214"/>
      <c r="I43" s="207"/>
      <c r="J43" s="205"/>
      <c r="K43" s="212" t="s">
        <v>7</v>
      </c>
      <c r="L43" s="205"/>
      <c r="M43" s="205"/>
      <c r="N43" s="213" t="s">
        <v>29</v>
      </c>
      <c r="O43" s="205"/>
      <c r="P43" s="205"/>
      <c r="Q43" s="212" t="s">
        <v>7</v>
      </c>
      <c r="R43" s="203"/>
      <c r="S43" s="203"/>
      <c r="T43" s="202"/>
    </row>
    <row r="44" spans="1:20" s="254" customFormat="1" ht="15.95" customHeight="1" x14ac:dyDescent="0.4">
      <c r="A44" s="313"/>
      <c r="B44" s="223"/>
      <c r="C44" s="222"/>
      <c r="D44" s="222"/>
      <c r="E44" s="221"/>
      <c r="F44" s="220"/>
      <c r="G44" s="215" t="s">
        <v>13</v>
      </c>
      <c r="H44" s="214"/>
      <c r="I44" s="207"/>
      <c r="J44" s="205"/>
      <c r="K44" s="212" t="s">
        <v>7</v>
      </c>
      <c r="L44" s="205"/>
      <c r="M44" s="205"/>
      <c r="N44" s="213" t="s">
        <v>29</v>
      </c>
      <c r="O44" s="205"/>
      <c r="P44" s="205"/>
      <c r="Q44" s="212" t="s">
        <v>7</v>
      </c>
      <c r="R44" s="203"/>
      <c r="S44" s="203"/>
      <c r="T44" s="202"/>
    </row>
    <row r="45" spans="1:20" s="254" customFormat="1" ht="15.95" customHeight="1" x14ac:dyDescent="0.4">
      <c r="A45" s="313"/>
      <c r="B45" s="219"/>
      <c r="C45" s="218"/>
      <c r="D45" s="218"/>
      <c r="E45" s="217"/>
      <c r="F45" s="216"/>
      <c r="G45" s="215" t="s">
        <v>11</v>
      </c>
      <c r="H45" s="214"/>
      <c r="I45" s="207"/>
      <c r="J45" s="205"/>
      <c r="K45" s="212" t="s">
        <v>7</v>
      </c>
      <c r="L45" s="205"/>
      <c r="M45" s="205"/>
      <c r="N45" s="213" t="s">
        <v>29</v>
      </c>
      <c r="O45" s="205"/>
      <c r="P45" s="205"/>
      <c r="Q45" s="212" t="s">
        <v>7</v>
      </c>
      <c r="R45" s="203"/>
      <c r="S45" s="203"/>
      <c r="T45" s="202"/>
    </row>
    <row r="46" spans="1:20" s="254" customFormat="1" ht="16.350000000000001" customHeight="1" x14ac:dyDescent="0.4">
      <c r="A46" s="313"/>
      <c r="B46" s="210" t="s">
        <v>9</v>
      </c>
      <c r="C46" s="209"/>
      <c r="D46" s="209"/>
      <c r="E46" s="209"/>
      <c r="F46" s="209"/>
      <c r="G46" s="209"/>
      <c r="H46" s="208"/>
      <c r="I46" s="207"/>
      <c r="J46" s="205"/>
      <c r="K46" s="204" t="s">
        <v>7</v>
      </c>
      <c r="L46" s="205"/>
      <c r="M46" s="205"/>
      <c r="N46" s="206" t="s">
        <v>29</v>
      </c>
      <c r="O46" s="205"/>
      <c r="P46" s="205"/>
      <c r="Q46" s="204" t="s">
        <v>7</v>
      </c>
      <c r="R46" s="203"/>
      <c r="S46" s="203"/>
      <c r="T46" s="202"/>
    </row>
    <row r="47" spans="1:20" s="254" customFormat="1" ht="16.350000000000001" customHeight="1" thickBot="1" x14ac:dyDescent="0.45">
      <c r="A47" s="312"/>
      <c r="B47" s="257" t="s">
        <v>6</v>
      </c>
      <c r="C47" s="194"/>
      <c r="D47" s="194"/>
      <c r="E47" s="194"/>
      <c r="F47" s="194"/>
      <c r="G47" s="194"/>
      <c r="H47" s="258"/>
      <c r="I47" s="197"/>
      <c r="J47" s="196"/>
      <c r="K47" s="196"/>
      <c r="L47" s="192" t="s">
        <v>5</v>
      </c>
      <c r="M47" s="192"/>
      <c r="N47" s="195"/>
      <c r="O47" s="194"/>
      <c r="P47" s="194"/>
      <c r="Q47" s="193"/>
      <c r="R47" s="192"/>
      <c r="S47" s="192"/>
      <c r="T47" s="191"/>
    </row>
    <row r="48" spans="1:20" s="254" customFormat="1" ht="25.5" customHeight="1" x14ac:dyDescent="0.4">
      <c r="A48" s="311"/>
      <c r="B48" s="311"/>
      <c r="C48" s="311"/>
      <c r="D48" s="311"/>
      <c r="E48" s="310"/>
      <c r="F48" s="310"/>
      <c r="G48" s="310"/>
      <c r="H48" s="310"/>
      <c r="I48" s="310"/>
      <c r="J48" s="310"/>
      <c r="K48" s="310"/>
      <c r="L48" s="310"/>
      <c r="M48" s="310"/>
      <c r="N48" s="310"/>
      <c r="O48" s="310"/>
      <c r="P48" s="310"/>
      <c r="Q48" s="310"/>
      <c r="R48" s="310"/>
      <c r="S48" s="307"/>
      <c r="T48" s="307"/>
    </row>
    <row r="49" spans="1:20" s="254" customFormat="1" ht="29.1" customHeight="1" x14ac:dyDescent="0.4">
      <c r="A49" s="309" t="s">
        <v>60</v>
      </c>
      <c r="B49" s="309"/>
      <c r="C49" s="309"/>
      <c r="D49" s="309"/>
      <c r="E49" s="309"/>
      <c r="F49" s="309"/>
      <c r="G49" s="309"/>
      <c r="H49" s="309"/>
      <c r="I49" s="309"/>
      <c r="J49" s="309"/>
      <c r="K49" s="309"/>
      <c r="L49" s="309"/>
      <c r="M49" s="309"/>
      <c r="N49" s="309"/>
      <c r="O49" s="309"/>
      <c r="P49" s="309"/>
      <c r="Q49" s="309"/>
      <c r="R49" s="309"/>
      <c r="S49" s="307"/>
      <c r="T49" s="307"/>
    </row>
    <row r="50" spans="1:20" s="254" customFormat="1" ht="15" customHeight="1" thickBot="1" x14ac:dyDescent="0.45">
      <c r="A50" s="308" t="s">
        <v>121</v>
      </c>
      <c r="B50" s="308"/>
      <c r="C50" s="308"/>
      <c r="D50" s="308"/>
      <c r="E50" s="308"/>
      <c r="F50" s="308"/>
      <c r="G50" s="308"/>
      <c r="H50" s="308"/>
      <c r="I50" s="308"/>
      <c r="J50" s="308"/>
      <c r="K50" s="308"/>
      <c r="L50" s="308"/>
      <c r="M50" s="308"/>
      <c r="N50" s="308"/>
      <c r="O50" s="308"/>
      <c r="P50" s="308"/>
      <c r="Q50" s="308"/>
      <c r="R50" s="308"/>
      <c r="S50" s="307"/>
      <c r="T50" s="307"/>
    </row>
    <row r="51" spans="1:20" s="254" customFormat="1" ht="15" customHeight="1" x14ac:dyDescent="0.4">
      <c r="A51" s="306" t="s">
        <v>120</v>
      </c>
      <c r="B51" s="305" t="s">
        <v>58</v>
      </c>
      <c r="C51" s="304"/>
      <c r="D51" s="303"/>
      <c r="E51" s="302"/>
      <c r="F51" s="301"/>
      <c r="G51" s="301"/>
      <c r="H51" s="301"/>
      <c r="I51" s="301"/>
      <c r="J51" s="301"/>
      <c r="K51" s="301"/>
      <c r="L51" s="301"/>
      <c r="M51" s="301"/>
      <c r="N51" s="301"/>
      <c r="O51" s="301"/>
      <c r="P51" s="301"/>
      <c r="Q51" s="301"/>
      <c r="R51" s="301"/>
      <c r="S51" s="301"/>
      <c r="T51" s="300"/>
    </row>
    <row r="52" spans="1:20" s="254" customFormat="1" ht="25.7" customHeight="1" x14ac:dyDescent="0.4">
      <c r="A52" s="281"/>
      <c r="B52" s="271" t="s">
        <v>57</v>
      </c>
      <c r="C52" s="299"/>
      <c r="D52" s="270"/>
      <c r="E52" s="298"/>
      <c r="F52" s="297"/>
      <c r="G52" s="297"/>
      <c r="H52" s="297"/>
      <c r="I52" s="297"/>
      <c r="J52" s="297"/>
      <c r="K52" s="297"/>
      <c r="L52" s="297"/>
      <c r="M52" s="297"/>
      <c r="N52" s="297"/>
      <c r="O52" s="297"/>
      <c r="P52" s="297"/>
      <c r="Q52" s="297"/>
      <c r="R52" s="297"/>
      <c r="S52" s="297"/>
      <c r="T52" s="296"/>
    </row>
    <row r="53" spans="1:20" s="254" customFormat="1" ht="15" customHeight="1" x14ac:dyDescent="0.4">
      <c r="A53" s="281"/>
      <c r="B53" s="280" t="s">
        <v>119</v>
      </c>
      <c r="C53" s="248"/>
      <c r="D53" s="247"/>
      <c r="E53" s="280" t="s">
        <v>118</v>
      </c>
      <c r="F53" s="248"/>
      <c r="G53" s="295"/>
      <c r="H53" s="294" t="s">
        <v>117</v>
      </c>
      <c r="I53" s="295"/>
      <c r="J53" s="294" t="s">
        <v>116</v>
      </c>
      <c r="K53" s="248"/>
      <c r="L53" s="248"/>
      <c r="M53" s="248"/>
      <c r="N53" s="248"/>
      <c r="O53" s="248"/>
      <c r="P53" s="248"/>
      <c r="Q53" s="248"/>
      <c r="R53" s="248"/>
      <c r="S53" s="248"/>
      <c r="T53" s="293"/>
    </row>
    <row r="54" spans="1:20" s="254" customFormat="1" ht="15" customHeight="1" x14ac:dyDescent="0.4">
      <c r="A54" s="281"/>
      <c r="B54" s="292"/>
      <c r="C54" s="242"/>
      <c r="D54" s="241"/>
      <c r="E54" s="291"/>
      <c r="F54" s="289"/>
      <c r="G54" s="289"/>
      <c r="H54" s="290" t="s">
        <v>52</v>
      </c>
      <c r="I54" s="289"/>
      <c r="J54" s="289"/>
      <c r="K54" s="289"/>
      <c r="L54" s="289"/>
      <c r="M54" s="289"/>
      <c r="N54" s="290" t="s">
        <v>51</v>
      </c>
      <c r="O54" s="289"/>
      <c r="P54" s="289"/>
      <c r="Q54" s="289"/>
      <c r="R54" s="289"/>
      <c r="S54" s="289"/>
      <c r="T54" s="288"/>
    </row>
    <row r="55" spans="1:20" s="254" customFormat="1" ht="15" customHeight="1" x14ac:dyDescent="0.4">
      <c r="A55" s="281"/>
      <c r="B55" s="292"/>
      <c r="C55" s="242"/>
      <c r="D55" s="241"/>
      <c r="E55" s="291"/>
      <c r="F55" s="289"/>
      <c r="G55" s="289"/>
      <c r="H55" s="290" t="s">
        <v>50</v>
      </c>
      <c r="I55" s="289"/>
      <c r="J55" s="289"/>
      <c r="K55" s="289"/>
      <c r="L55" s="289"/>
      <c r="M55" s="289"/>
      <c r="N55" s="290" t="s">
        <v>49</v>
      </c>
      <c r="O55" s="289"/>
      <c r="P55" s="289"/>
      <c r="Q55" s="289"/>
      <c r="R55" s="289"/>
      <c r="S55" s="289"/>
      <c r="T55" s="288"/>
    </row>
    <row r="56" spans="1:20" s="254" customFormat="1" ht="18.95" customHeight="1" x14ac:dyDescent="0.4">
      <c r="A56" s="281"/>
      <c r="B56" s="287"/>
      <c r="C56" s="286"/>
      <c r="D56" s="285"/>
      <c r="E56" s="284"/>
      <c r="F56" s="283"/>
      <c r="G56" s="283"/>
      <c r="H56" s="283"/>
      <c r="I56" s="283"/>
      <c r="J56" s="283"/>
      <c r="K56" s="283"/>
      <c r="L56" s="283"/>
      <c r="M56" s="283"/>
      <c r="N56" s="283"/>
      <c r="O56" s="283"/>
      <c r="P56" s="283"/>
      <c r="Q56" s="283"/>
      <c r="R56" s="283"/>
      <c r="S56" s="283"/>
      <c r="T56" s="282"/>
    </row>
    <row r="57" spans="1:20" s="254" customFormat="1" ht="15" customHeight="1" x14ac:dyDescent="0.4">
      <c r="A57" s="281"/>
      <c r="B57" s="280" t="s">
        <v>48</v>
      </c>
      <c r="C57" s="248"/>
      <c r="D57" s="247"/>
      <c r="E57" s="271" t="s">
        <v>47</v>
      </c>
      <c r="F57" s="270"/>
      <c r="G57" s="279"/>
      <c r="H57" s="275"/>
      <c r="I57" s="275"/>
      <c r="J57" s="275"/>
      <c r="K57" s="275"/>
      <c r="L57" s="278" t="s">
        <v>46</v>
      </c>
      <c r="M57" s="205"/>
      <c r="N57" s="277"/>
      <c r="O57" s="215" t="s">
        <v>100</v>
      </c>
      <c r="P57" s="214"/>
      <c r="Q57" s="276"/>
      <c r="R57" s="275"/>
      <c r="S57" s="275"/>
      <c r="T57" s="274"/>
    </row>
    <row r="58" spans="1:20" s="254" customFormat="1" ht="15" customHeight="1" x14ac:dyDescent="0.4">
      <c r="A58" s="273"/>
      <c r="B58" s="272"/>
      <c r="C58" s="236"/>
      <c r="D58" s="235"/>
      <c r="E58" s="271" t="s">
        <v>115</v>
      </c>
      <c r="F58" s="270"/>
      <c r="G58" s="269"/>
      <c r="H58" s="268"/>
      <c r="I58" s="268"/>
      <c r="J58" s="268"/>
      <c r="K58" s="268"/>
      <c r="L58" s="268"/>
      <c r="M58" s="268"/>
      <c r="N58" s="268"/>
      <c r="O58" s="268"/>
      <c r="P58" s="268"/>
      <c r="Q58" s="268"/>
      <c r="R58" s="268"/>
      <c r="S58" s="268"/>
      <c r="T58" s="267"/>
    </row>
    <row r="59" spans="1:20" s="254" customFormat="1" ht="15" customHeight="1" x14ac:dyDescent="0.4">
      <c r="A59" s="266" t="s">
        <v>27</v>
      </c>
      <c r="B59" s="265"/>
      <c r="C59" s="265"/>
      <c r="D59" s="265"/>
      <c r="E59" s="265"/>
      <c r="F59" s="265"/>
      <c r="G59" s="265"/>
      <c r="H59" s="265"/>
      <c r="I59" s="265"/>
      <c r="J59" s="265"/>
      <c r="K59" s="265"/>
      <c r="L59" s="265"/>
      <c r="M59" s="265"/>
      <c r="N59" s="265"/>
      <c r="O59" s="265"/>
      <c r="P59" s="265"/>
      <c r="Q59" s="265"/>
      <c r="R59" s="265"/>
      <c r="S59" s="265"/>
      <c r="T59" s="264"/>
    </row>
    <row r="60" spans="1:20" s="255" customFormat="1" ht="15" customHeight="1" thickBot="1" x14ac:dyDescent="0.45">
      <c r="A60" s="263" t="s">
        <v>43</v>
      </c>
      <c r="B60" s="260"/>
      <c r="C60" s="260"/>
      <c r="D60" s="260"/>
      <c r="E60" s="260"/>
      <c r="F60" s="260"/>
      <c r="G60" s="260"/>
      <c r="H60" s="262"/>
      <c r="I60" s="261"/>
      <c r="J60" s="260"/>
      <c r="K60" s="259" t="s">
        <v>42</v>
      </c>
      <c r="L60" s="257" t="s">
        <v>41</v>
      </c>
      <c r="M60" s="194"/>
      <c r="N60" s="194"/>
      <c r="O60" s="194"/>
      <c r="P60" s="194"/>
      <c r="Q60" s="258"/>
      <c r="R60" s="257"/>
      <c r="S60" s="194"/>
      <c r="T60" s="256" t="s">
        <v>40</v>
      </c>
    </row>
    <row r="61" spans="1:20" s="254" customFormat="1" ht="15" customHeight="1" x14ac:dyDescent="0.4">
      <c r="A61" s="253" t="s">
        <v>114</v>
      </c>
      <c r="B61" s="252" t="s">
        <v>27</v>
      </c>
      <c r="C61" s="251"/>
      <c r="D61" s="251"/>
      <c r="E61" s="251"/>
      <c r="F61" s="251"/>
      <c r="G61" s="251"/>
      <c r="H61" s="251"/>
      <c r="I61" s="251"/>
      <c r="J61" s="251"/>
      <c r="K61" s="251"/>
      <c r="L61" s="251"/>
      <c r="M61" s="251"/>
      <c r="N61" s="251"/>
      <c r="O61" s="251"/>
      <c r="P61" s="251"/>
      <c r="Q61" s="251"/>
      <c r="R61" s="251"/>
      <c r="S61" s="251"/>
      <c r="T61" s="250"/>
    </row>
    <row r="62" spans="1:20" s="254" customFormat="1" ht="16.350000000000001" customHeight="1" x14ac:dyDescent="0.4">
      <c r="A62" s="211"/>
      <c r="B62" s="249" t="s">
        <v>26</v>
      </c>
      <c r="C62" s="248"/>
      <c r="D62" s="247"/>
      <c r="E62" s="246" t="s">
        <v>25</v>
      </c>
      <c r="F62" s="245"/>
      <c r="G62" s="244" t="s">
        <v>24</v>
      </c>
      <c r="H62" s="245"/>
      <c r="I62" s="244" t="s">
        <v>23</v>
      </c>
      <c r="J62" s="245"/>
      <c r="K62" s="244" t="s">
        <v>22</v>
      </c>
      <c r="L62" s="245"/>
      <c r="M62" s="244" t="s">
        <v>21</v>
      </c>
      <c r="N62" s="245"/>
      <c r="O62" s="244" t="s">
        <v>20</v>
      </c>
      <c r="P62" s="245"/>
      <c r="Q62" s="244" t="s">
        <v>19</v>
      </c>
      <c r="R62" s="245"/>
      <c r="S62" s="244" t="s">
        <v>18</v>
      </c>
      <c r="T62" s="243"/>
    </row>
    <row r="63" spans="1:20" s="254" customFormat="1" ht="15.6" customHeight="1" x14ac:dyDescent="0.4">
      <c r="A63" s="211"/>
      <c r="B63" s="221"/>
      <c r="C63" s="242"/>
      <c r="D63" s="241"/>
      <c r="E63" s="240"/>
      <c r="F63" s="239"/>
      <c r="G63" s="238"/>
      <c r="H63" s="239"/>
      <c r="I63" s="238"/>
      <c r="J63" s="239"/>
      <c r="K63" s="238"/>
      <c r="L63" s="239"/>
      <c r="M63" s="238"/>
      <c r="N63" s="239"/>
      <c r="O63" s="238"/>
      <c r="P63" s="239"/>
      <c r="Q63" s="238"/>
      <c r="R63" s="239"/>
      <c r="S63" s="238"/>
      <c r="T63" s="237"/>
    </row>
    <row r="64" spans="1:20" s="254" customFormat="1" ht="15.6" customHeight="1" x14ac:dyDescent="0.4">
      <c r="A64" s="211"/>
      <c r="B64" s="217"/>
      <c r="C64" s="236"/>
      <c r="D64" s="235"/>
      <c r="E64" s="234" t="s">
        <v>84</v>
      </c>
      <c r="F64" s="233"/>
      <c r="G64" s="233"/>
      <c r="H64" s="232"/>
      <c r="I64" s="231"/>
      <c r="J64" s="230"/>
      <c r="K64" s="230"/>
      <c r="L64" s="230"/>
      <c r="M64" s="230"/>
      <c r="N64" s="230"/>
      <c r="O64" s="230"/>
      <c r="P64" s="230"/>
      <c r="Q64" s="230"/>
      <c r="R64" s="230"/>
      <c r="S64" s="230"/>
      <c r="T64" s="229"/>
    </row>
    <row r="65" spans="1:20" s="254" customFormat="1" ht="15.95" customHeight="1" x14ac:dyDescent="0.4">
      <c r="A65" s="211"/>
      <c r="B65" s="228" t="s">
        <v>32</v>
      </c>
      <c r="C65" s="227"/>
      <c r="D65" s="227"/>
      <c r="E65" s="227"/>
      <c r="F65" s="227"/>
      <c r="G65" s="227"/>
      <c r="H65" s="226"/>
      <c r="I65" s="207"/>
      <c r="J65" s="205"/>
      <c r="K65" s="212" t="s">
        <v>7</v>
      </c>
      <c r="L65" s="205"/>
      <c r="M65" s="205"/>
      <c r="N65" s="213" t="s">
        <v>106</v>
      </c>
      <c r="O65" s="205"/>
      <c r="P65" s="205"/>
      <c r="Q65" s="212" t="s">
        <v>7</v>
      </c>
      <c r="R65" s="203"/>
      <c r="S65" s="203"/>
      <c r="T65" s="202"/>
    </row>
    <row r="66" spans="1:20" s="254" customFormat="1" ht="15.95" customHeight="1" x14ac:dyDescent="0.4">
      <c r="A66" s="211"/>
      <c r="B66" s="223"/>
      <c r="C66" s="222"/>
      <c r="D66" s="222"/>
      <c r="E66" s="225" t="s">
        <v>107</v>
      </c>
      <c r="F66" s="224"/>
      <c r="G66" s="215" t="s">
        <v>14</v>
      </c>
      <c r="H66" s="214"/>
      <c r="I66" s="207"/>
      <c r="J66" s="205"/>
      <c r="K66" s="212" t="s">
        <v>7</v>
      </c>
      <c r="L66" s="205"/>
      <c r="M66" s="205"/>
      <c r="N66" s="213" t="s">
        <v>106</v>
      </c>
      <c r="O66" s="205"/>
      <c r="P66" s="205"/>
      <c r="Q66" s="212" t="s">
        <v>7</v>
      </c>
      <c r="R66" s="203"/>
      <c r="S66" s="203"/>
      <c r="T66" s="202"/>
    </row>
    <row r="67" spans="1:20" s="254" customFormat="1" ht="15.95" customHeight="1" x14ac:dyDescent="0.4">
      <c r="A67" s="211"/>
      <c r="B67" s="223"/>
      <c r="C67" s="222"/>
      <c r="D67" s="222"/>
      <c r="E67" s="221"/>
      <c r="F67" s="220"/>
      <c r="G67" s="215" t="s">
        <v>13</v>
      </c>
      <c r="H67" s="214"/>
      <c r="I67" s="207"/>
      <c r="J67" s="205"/>
      <c r="K67" s="212" t="s">
        <v>7</v>
      </c>
      <c r="L67" s="205"/>
      <c r="M67" s="205"/>
      <c r="N67" s="213" t="s">
        <v>29</v>
      </c>
      <c r="O67" s="205"/>
      <c r="P67" s="205"/>
      <c r="Q67" s="212" t="s">
        <v>7</v>
      </c>
      <c r="R67" s="203"/>
      <c r="S67" s="203"/>
      <c r="T67" s="202"/>
    </row>
    <row r="68" spans="1:20" s="254" customFormat="1" ht="15.95" customHeight="1" x14ac:dyDescent="0.4">
      <c r="A68" s="211"/>
      <c r="B68" s="219"/>
      <c r="C68" s="218"/>
      <c r="D68" s="218"/>
      <c r="E68" s="217"/>
      <c r="F68" s="216"/>
      <c r="G68" s="215" t="s">
        <v>11</v>
      </c>
      <c r="H68" s="214"/>
      <c r="I68" s="207"/>
      <c r="J68" s="205"/>
      <c r="K68" s="212" t="s">
        <v>7</v>
      </c>
      <c r="L68" s="205"/>
      <c r="M68" s="205"/>
      <c r="N68" s="213" t="s">
        <v>106</v>
      </c>
      <c r="O68" s="205"/>
      <c r="P68" s="205"/>
      <c r="Q68" s="212" t="s">
        <v>7</v>
      </c>
      <c r="R68" s="203"/>
      <c r="S68" s="203"/>
      <c r="T68" s="202"/>
    </row>
    <row r="69" spans="1:20" s="254" customFormat="1" ht="16.350000000000001" customHeight="1" x14ac:dyDescent="0.4">
      <c r="A69" s="211"/>
      <c r="B69" s="210" t="s">
        <v>9</v>
      </c>
      <c r="C69" s="209"/>
      <c r="D69" s="209"/>
      <c r="E69" s="209"/>
      <c r="F69" s="209"/>
      <c r="G69" s="209"/>
      <c r="H69" s="208"/>
      <c r="I69" s="207"/>
      <c r="J69" s="205"/>
      <c r="K69" s="204" t="s">
        <v>7</v>
      </c>
      <c r="L69" s="205"/>
      <c r="M69" s="205"/>
      <c r="N69" s="206" t="s">
        <v>106</v>
      </c>
      <c r="O69" s="205"/>
      <c r="P69" s="205"/>
      <c r="Q69" s="204" t="s">
        <v>7</v>
      </c>
      <c r="R69" s="203"/>
      <c r="S69" s="203"/>
      <c r="T69" s="202"/>
    </row>
    <row r="70" spans="1:20" s="254" customFormat="1" ht="16.350000000000001" customHeight="1" thickBot="1" x14ac:dyDescent="0.45">
      <c r="A70" s="201"/>
      <c r="B70" s="200" t="s">
        <v>6</v>
      </c>
      <c r="C70" s="199"/>
      <c r="D70" s="199"/>
      <c r="E70" s="199"/>
      <c r="F70" s="199"/>
      <c r="G70" s="199"/>
      <c r="H70" s="198"/>
      <c r="I70" s="197"/>
      <c r="J70" s="196"/>
      <c r="K70" s="196"/>
      <c r="L70" s="192" t="s">
        <v>5</v>
      </c>
      <c r="M70" s="192"/>
      <c r="N70" s="195"/>
      <c r="O70" s="194"/>
      <c r="P70" s="194"/>
      <c r="Q70" s="193"/>
      <c r="R70" s="192"/>
      <c r="S70" s="192"/>
      <c r="T70" s="191"/>
    </row>
    <row r="71" spans="1:20" s="254" customFormat="1" ht="15" customHeight="1" x14ac:dyDescent="0.4">
      <c r="A71" s="253" t="s">
        <v>113</v>
      </c>
      <c r="B71" s="252" t="s">
        <v>27</v>
      </c>
      <c r="C71" s="251"/>
      <c r="D71" s="251"/>
      <c r="E71" s="251"/>
      <c r="F71" s="251"/>
      <c r="G71" s="251"/>
      <c r="H71" s="251"/>
      <c r="I71" s="251"/>
      <c r="J71" s="251"/>
      <c r="K71" s="251"/>
      <c r="L71" s="251"/>
      <c r="M71" s="251"/>
      <c r="N71" s="251"/>
      <c r="O71" s="251"/>
      <c r="P71" s="251"/>
      <c r="Q71" s="251"/>
      <c r="R71" s="251"/>
      <c r="S71" s="251"/>
      <c r="T71" s="250"/>
    </row>
    <row r="72" spans="1:20" s="254" customFormat="1" ht="16.350000000000001" customHeight="1" x14ac:dyDescent="0.4">
      <c r="A72" s="211"/>
      <c r="B72" s="249" t="s">
        <v>26</v>
      </c>
      <c r="C72" s="248"/>
      <c r="D72" s="247"/>
      <c r="E72" s="246" t="s">
        <v>25</v>
      </c>
      <c r="F72" s="245"/>
      <c r="G72" s="244" t="s">
        <v>24</v>
      </c>
      <c r="H72" s="245"/>
      <c r="I72" s="244" t="s">
        <v>23</v>
      </c>
      <c r="J72" s="245"/>
      <c r="K72" s="244" t="s">
        <v>22</v>
      </c>
      <c r="L72" s="245"/>
      <c r="M72" s="244" t="s">
        <v>21</v>
      </c>
      <c r="N72" s="245"/>
      <c r="O72" s="244" t="s">
        <v>20</v>
      </c>
      <c r="P72" s="245"/>
      <c r="Q72" s="244" t="s">
        <v>19</v>
      </c>
      <c r="R72" s="245"/>
      <c r="S72" s="244" t="s">
        <v>18</v>
      </c>
      <c r="T72" s="243"/>
    </row>
    <row r="73" spans="1:20" s="254" customFormat="1" ht="15.6" customHeight="1" x14ac:dyDescent="0.4">
      <c r="A73" s="211"/>
      <c r="B73" s="221"/>
      <c r="C73" s="242"/>
      <c r="D73" s="241"/>
      <c r="E73" s="240"/>
      <c r="F73" s="239"/>
      <c r="G73" s="238"/>
      <c r="H73" s="239"/>
      <c r="I73" s="238"/>
      <c r="J73" s="239"/>
      <c r="K73" s="238"/>
      <c r="L73" s="239"/>
      <c r="M73" s="238"/>
      <c r="N73" s="239"/>
      <c r="O73" s="238"/>
      <c r="P73" s="239"/>
      <c r="Q73" s="238"/>
      <c r="R73" s="239"/>
      <c r="S73" s="238"/>
      <c r="T73" s="237"/>
    </row>
    <row r="74" spans="1:20" s="254" customFormat="1" ht="15.6" customHeight="1" x14ac:dyDescent="0.4">
      <c r="A74" s="211"/>
      <c r="B74" s="217"/>
      <c r="C74" s="236"/>
      <c r="D74" s="235"/>
      <c r="E74" s="234" t="s">
        <v>109</v>
      </c>
      <c r="F74" s="233"/>
      <c r="G74" s="233"/>
      <c r="H74" s="232"/>
      <c r="I74" s="231"/>
      <c r="J74" s="230"/>
      <c r="K74" s="230"/>
      <c r="L74" s="230"/>
      <c r="M74" s="230"/>
      <c r="N74" s="230"/>
      <c r="O74" s="230"/>
      <c r="P74" s="230"/>
      <c r="Q74" s="230"/>
      <c r="R74" s="230"/>
      <c r="S74" s="230"/>
      <c r="T74" s="229"/>
    </row>
    <row r="75" spans="1:20" s="254" customFormat="1" ht="15.95" customHeight="1" x14ac:dyDescent="0.4">
      <c r="A75" s="211"/>
      <c r="B75" s="228" t="s">
        <v>112</v>
      </c>
      <c r="C75" s="227"/>
      <c r="D75" s="227"/>
      <c r="E75" s="227"/>
      <c r="F75" s="227"/>
      <c r="G75" s="227"/>
      <c r="H75" s="226"/>
      <c r="I75" s="207"/>
      <c r="J75" s="205"/>
      <c r="K75" s="212" t="s">
        <v>7</v>
      </c>
      <c r="L75" s="205"/>
      <c r="M75" s="205"/>
      <c r="N75" s="213" t="s">
        <v>106</v>
      </c>
      <c r="O75" s="205"/>
      <c r="P75" s="205"/>
      <c r="Q75" s="212" t="s">
        <v>7</v>
      </c>
      <c r="R75" s="203"/>
      <c r="S75" s="203"/>
      <c r="T75" s="202"/>
    </row>
    <row r="76" spans="1:20" s="254" customFormat="1" ht="15.95" customHeight="1" x14ac:dyDescent="0.4">
      <c r="A76" s="211"/>
      <c r="B76" s="223"/>
      <c r="C76" s="222"/>
      <c r="D76" s="222"/>
      <c r="E76" s="225" t="s">
        <v>107</v>
      </c>
      <c r="F76" s="224"/>
      <c r="G76" s="215" t="s">
        <v>14</v>
      </c>
      <c r="H76" s="214"/>
      <c r="I76" s="207"/>
      <c r="J76" s="205"/>
      <c r="K76" s="212" t="s">
        <v>7</v>
      </c>
      <c r="L76" s="205"/>
      <c r="M76" s="205"/>
      <c r="N76" s="213" t="s">
        <v>106</v>
      </c>
      <c r="O76" s="205"/>
      <c r="P76" s="205"/>
      <c r="Q76" s="212" t="s">
        <v>7</v>
      </c>
      <c r="R76" s="203"/>
      <c r="S76" s="203"/>
      <c r="T76" s="202"/>
    </row>
    <row r="77" spans="1:20" s="254" customFormat="1" ht="15.95" customHeight="1" x14ac:dyDescent="0.4">
      <c r="A77" s="211"/>
      <c r="B77" s="223"/>
      <c r="C77" s="222"/>
      <c r="D77" s="222"/>
      <c r="E77" s="221"/>
      <c r="F77" s="220"/>
      <c r="G77" s="215" t="s">
        <v>13</v>
      </c>
      <c r="H77" s="214"/>
      <c r="I77" s="207"/>
      <c r="J77" s="205"/>
      <c r="K77" s="212" t="s">
        <v>7</v>
      </c>
      <c r="L77" s="205"/>
      <c r="M77" s="205"/>
      <c r="N77" s="213" t="s">
        <v>111</v>
      </c>
      <c r="O77" s="205"/>
      <c r="P77" s="205"/>
      <c r="Q77" s="212" t="s">
        <v>7</v>
      </c>
      <c r="R77" s="203"/>
      <c r="S77" s="203"/>
      <c r="T77" s="202"/>
    </row>
    <row r="78" spans="1:20" s="254" customFormat="1" ht="15.95" customHeight="1" x14ac:dyDescent="0.4">
      <c r="A78" s="211"/>
      <c r="B78" s="219"/>
      <c r="C78" s="218"/>
      <c r="D78" s="218"/>
      <c r="E78" s="217"/>
      <c r="F78" s="216"/>
      <c r="G78" s="215" t="s">
        <v>11</v>
      </c>
      <c r="H78" s="214"/>
      <c r="I78" s="207"/>
      <c r="J78" s="205"/>
      <c r="K78" s="212" t="s">
        <v>7</v>
      </c>
      <c r="L78" s="205"/>
      <c r="M78" s="205"/>
      <c r="N78" s="213" t="s">
        <v>106</v>
      </c>
      <c r="O78" s="205"/>
      <c r="P78" s="205"/>
      <c r="Q78" s="212" t="s">
        <v>7</v>
      </c>
      <c r="R78" s="203"/>
      <c r="S78" s="203"/>
      <c r="T78" s="202"/>
    </row>
    <row r="79" spans="1:20" s="254" customFormat="1" ht="16.350000000000001" customHeight="1" x14ac:dyDescent="0.4">
      <c r="A79" s="211"/>
      <c r="B79" s="210" t="s">
        <v>9</v>
      </c>
      <c r="C79" s="209"/>
      <c r="D79" s="209"/>
      <c r="E79" s="209"/>
      <c r="F79" s="209"/>
      <c r="G79" s="209"/>
      <c r="H79" s="208"/>
      <c r="I79" s="207"/>
      <c r="J79" s="205"/>
      <c r="K79" s="204" t="s">
        <v>7</v>
      </c>
      <c r="L79" s="205"/>
      <c r="M79" s="205"/>
      <c r="N79" s="206" t="s">
        <v>106</v>
      </c>
      <c r="O79" s="205"/>
      <c r="P79" s="205"/>
      <c r="Q79" s="204" t="s">
        <v>7</v>
      </c>
      <c r="R79" s="203"/>
      <c r="S79" s="203"/>
      <c r="T79" s="202"/>
    </row>
    <row r="80" spans="1:20" s="254" customFormat="1" ht="16.350000000000001" customHeight="1" thickBot="1" x14ac:dyDescent="0.45">
      <c r="A80" s="201"/>
      <c r="B80" s="200" t="s">
        <v>6</v>
      </c>
      <c r="C80" s="199"/>
      <c r="D80" s="199"/>
      <c r="E80" s="199"/>
      <c r="F80" s="199"/>
      <c r="G80" s="199"/>
      <c r="H80" s="198"/>
      <c r="I80" s="197"/>
      <c r="J80" s="196"/>
      <c r="K80" s="196"/>
      <c r="L80" s="192" t="s">
        <v>5</v>
      </c>
      <c r="M80" s="192"/>
      <c r="N80" s="195"/>
      <c r="O80" s="194"/>
      <c r="P80" s="194"/>
      <c r="Q80" s="193"/>
      <c r="R80" s="192"/>
      <c r="S80" s="192"/>
      <c r="T80" s="191"/>
    </row>
    <row r="81" spans="1:20" ht="15.95" customHeight="1" x14ac:dyDescent="0.4">
      <c r="A81" s="253" t="s">
        <v>110</v>
      </c>
      <c r="B81" s="252" t="s">
        <v>27</v>
      </c>
      <c r="C81" s="251"/>
      <c r="D81" s="251"/>
      <c r="E81" s="251"/>
      <c r="F81" s="251"/>
      <c r="G81" s="251"/>
      <c r="H81" s="251"/>
      <c r="I81" s="251"/>
      <c r="J81" s="251"/>
      <c r="K81" s="251"/>
      <c r="L81" s="251"/>
      <c r="M81" s="251"/>
      <c r="N81" s="251"/>
      <c r="O81" s="251"/>
      <c r="P81" s="251"/>
      <c r="Q81" s="251"/>
      <c r="R81" s="251"/>
      <c r="S81" s="251"/>
      <c r="T81" s="250"/>
    </row>
    <row r="82" spans="1:20" ht="15.95" customHeight="1" x14ac:dyDescent="0.4">
      <c r="A82" s="211"/>
      <c r="B82" s="249" t="s">
        <v>26</v>
      </c>
      <c r="C82" s="248"/>
      <c r="D82" s="247"/>
      <c r="E82" s="246" t="s">
        <v>25</v>
      </c>
      <c r="F82" s="245"/>
      <c r="G82" s="244" t="s">
        <v>24</v>
      </c>
      <c r="H82" s="245"/>
      <c r="I82" s="244" t="s">
        <v>23</v>
      </c>
      <c r="J82" s="245"/>
      <c r="K82" s="244" t="s">
        <v>22</v>
      </c>
      <c r="L82" s="245"/>
      <c r="M82" s="244" t="s">
        <v>21</v>
      </c>
      <c r="N82" s="245"/>
      <c r="O82" s="244" t="s">
        <v>20</v>
      </c>
      <c r="P82" s="245"/>
      <c r="Q82" s="244" t="s">
        <v>19</v>
      </c>
      <c r="R82" s="245"/>
      <c r="S82" s="244" t="s">
        <v>18</v>
      </c>
      <c r="T82" s="243"/>
    </row>
    <row r="83" spans="1:20" ht="15.95" customHeight="1" x14ac:dyDescent="0.4">
      <c r="A83" s="211"/>
      <c r="B83" s="221"/>
      <c r="C83" s="242"/>
      <c r="D83" s="241"/>
      <c r="E83" s="240"/>
      <c r="F83" s="239"/>
      <c r="G83" s="238"/>
      <c r="H83" s="239"/>
      <c r="I83" s="238"/>
      <c r="J83" s="239"/>
      <c r="K83" s="238"/>
      <c r="L83" s="239"/>
      <c r="M83" s="238"/>
      <c r="N83" s="239"/>
      <c r="O83" s="238"/>
      <c r="P83" s="239"/>
      <c r="Q83" s="238"/>
      <c r="R83" s="239"/>
      <c r="S83" s="238"/>
      <c r="T83" s="237"/>
    </row>
    <row r="84" spans="1:20" ht="15.95" customHeight="1" x14ac:dyDescent="0.4">
      <c r="A84" s="211"/>
      <c r="B84" s="217"/>
      <c r="C84" s="236"/>
      <c r="D84" s="235"/>
      <c r="E84" s="234" t="s">
        <v>109</v>
      </c>
      <c r="F84" s="233"/>
      <c r="G84" s="233"/>
      <c r="H84" s="232"/>
      <c r="I84" s="231"/>
      <c r="J84" s="230"/>
      <c r="K84" s="230"/>
      <c r="L84" s="230"/>
      <c r="M84" s="230"/>
      <c r="N84" s="230"/>
      <c r="O84" s="230"/>
      <c r="P84" s="230"/>
      <c r="Q84" s="230"/>
      <c r="R84" s="230"/>
      <c r="S84" s="230"/>
      <c r="T84" s="229"/>
    </row>
    <row r="85" spans="1:20" ht="15.95" customHeight="1" x14ac:dyDescent="0.4">
      <c r="A85" s="211"/>
      <c r="B85" s="228" t="s">
        <v>108</v>
      </c>
      <c r="C85" s="227"/>
      <c r="D85" s="227"/>
      <c r="E85" s="227"/>
      <c r="F85" s="227"/>
      <c r="G85" s="227"/>
      <c r="H85" s="226"/>
      <c r="I85" s="207"/>
      <c r="J85" s="205"/>
      <c r="K85" s="212" t="s">
        <v>7</v>
      </c>
      <c r="L85" s="205"/>
      <c r="M85" s="205"/>
      <c r="N85" s="213" t="s">
        <v>106</v>
      </c>
      <c r="O85" s="205"/>
      <c r="P85" s="205"/>
      <c r="Q85" s="212" t="s">
        <v>7</v>
      </c>
      <c r="R85" s="203"/>
      <c r="S85" s="203"/>
      <c r="T85" s="202"/>
    </row>
    <row r="86" spans="1:20" ht="15.95" customHeight="1" x14ac:dyDescent="0.4">
      <c r="A86" s="211"/>
      <c r="B86" s="223"/>
      <c r="C86" s="222"/>
      <c r="D86" s="222"/>
      <c r="E86" s="225" t="s">
        <v>107</v>
      </c>
      <c r="F86" s="224"/>
      <c r="G86" s="215" t="s">
        <v>14</v>
      </c>
      <c r="H86" s="214"/>
      <c r="I86" s="207"/>
      <c r="J86" s="205"/>
      <c r="K86" s="212" t="s">
        <v>7</v>
      </c>
      <c r="L86" s="205"/>
      <c r="M86" s="205"/>
      <c r="N86" s="213" t="s">
        <v>106</v>
      </c>
      <c r="O86" s="205"/>
      <c r="P86" s="205"/>
      <c r="Q86" s="212" t="s">
        <v>7</v>
      </c>
      <c r="R86" s="203"/>
      <c r="S86" s="203"/>
      <c r="T86" s="202"/>
    </row>
    <row r="87" spans="1:20" ht="15.95" customHeight="1" x14ac:dyDescent="0.4">
      <c r="A87" s="211"/>
      <c r="B87" s="223"/>
      <c r="C87" s="222"/>
      <c r="D87" s="222"/>
      <c r="E87" s="221"/>
      <c r="F87" s="220"/>
      <c r="G87" s="215" t="s">
        <v>13</v>
      </c>
      <c r="H87" s="214"/>
      <c r="I87" s="207"/>
      <c r="J87" s="205"/>
      <c r="K87" s="212" t="s">
        <v>7</v>
      </c>
      <c r="L87" s="205"/>
      <c r="M87" s="205"/>
      <c r="N87" s="213" t="s">
        <v>106</v>
      </c>
      <c r="O87" s="205"/>
      <c r="P87" s="205"/>
      <c r="Q87" s="212" t="s">
        <v>7</v>
      </c>
      <c r="R87" s="203"/>
      <c r="S87" s="203"/>
      <c r="T87" s="202"/>
    </row>
    <row r="88" spans="1:20" ht="13.35" customHeight="1" x14ac:dyDescent="0.4">
      <c r="A88" s="211"/>
      <c r="B88" s="219"/>
      <c r="C88" s="218"/>
      <c r="D88" s="218"/>
      <c r="E88" s="217"/>
      <c r="F88" s="216"/>
      <c r="G88" s="215" t="s">
        <v>11</v>
      </c>
      <c r="H88" s="214"/>
      <c r="I88" s="207"/>
      <c r="J88" s="205"/>
      <c r="K88" s="212" t="s">
        <v>7</v>
      </c>
      <c r="L88" s="205"/>
      <c r="M88" s="205"/>
      <c r="N88" s="213" t="s">
        <v>106</v>
      </c>
      <c r="O88" s="205"/>
      <c r="P88" s="205"/>
      <c r="Q88" s="212" t="s">
        <v>7</v>
      </c>
      <c r="R88" s="203"/>
      <c r="S88" s="203"/>
      <c r="T88" s="202"/>
    </row>
    <row r="89" spans="1:20" ht="13.35" customHeight="1" x14ac:dyDescent="0.4">
      <c r="A89" s="211"/>
      <c r="B89" s="210" t="s">
        <v>9</v>
      </c>
      <c r="C89" s="209"/>
      <c r="D89" s="209"/>
      <c r="E89" s="209"/>
      <c r="F89" s="209"/>
      <c r="G89" s="209"/>
      <c r="H89" s="208"/>
      <c r="I89" s="207"/>
      <c r="J89" s="205"/>
      <c r="K89" s="204" t="s">
        <v>7</v>
      </c>
      <c r="L89" s="205"/>
      <c r="M89" s="205"/>
      <c r="N89" s="206" t="s">
        <v>106</v>
      </c>
      <c r="O89" s="205"/>
      <c r="P89" s="205"/>
      <c r="Q89" s="204" t="s">
        <v>7</v>
      </c>
      <c r="R89" s="203"/>
      <c r="S89" s="203"/>
      <c r="T89" s="202"/>
    </row>
    <row r="90" spans="1:20" ht="13.7" customHeight="1" thickBot="1" x14ac:dyDescent="0.45">
      <c r="A90" s="201"/>
      <c r="B90" s="200" t="s">
        <v>6</v>
      </c>
      <c r="C90" s="199"/>
      <c r="D90" s="199"/>
      <c r="E90" s="199"/>
      <c r="F90" s="199"/>
      <c r="G90" s="199"/>
      <c r="H90" s="198"/>
      <c r="I90" s="197"/>
      <c r="J90" s="196"/>
      <c r="K90" s="196"/>
      <c r="L90" s="192" t="s">
        <v>5</v>
      </c>
      <c r="M90" s="192"/>
      <c r="N90" s="195"/>
      <c r="O90" s="194"/>
      <c r="P90" s="194"/>
      <c r="Q90" s="193"/>
      <c r="R90" s="192"/>
      <c r="S90" s="192"/>
      <c r="T90" s="191"/>
    </row>
    <row r="91" spans="1:20" x14ac:dyDescent="0.4">
      <c r="A91" s="190"/>
      <c r="B91" s="190"/>
      <c r="C91" s="190"/>
      <c r="D91" s="190"/>
      <c r="E91" s="190"/>
      <c r="F91" s="190"/>
      <c r="G91" s="190"/>
      <c r="H91" s="190"/>
      <c r="I91" s="190"/>
      <c r="J91" s="190"/>
      <c r="K91" s="190"/>
      <c r="L91" s="190"/>
      <c r="M91" s="190"/>
      <c r="N91" s="190"/>
      <c r="O91" s="190"/>
      <c r="P91" s="190"/>
      <c r="Q91" s="190"/>
      <c r="R91" s="190"/>
      <c r="S91" s="190"/>
      <c r="T91" s="190"/>
    </row>
    <row r="92" spans="1:20" x14ac:dyDescent="0.4">
      <c r="A92" s="190"/>
      <c r="B92" s="190"/>
      <c r="C92" s="190"/>
      <c r="D92" s="190"/>
      <c r="E92" s="190"/>
      <c r="F92" s="190"/>
      <c r="G92" s="190"/>
      <c r="H92" s="190"/>
      <c r="I92" s="190"/>
      <c r="J92" s="190"/>
      <c r="K92" s="190"/>
      <c r="L92" s="190"/>
      <c r="M92" s="190"/>
      <c r="N92" s="190"/>
      <c r="O92" s="190"/>
      <c r="P92" s="190"/>
      <c r="Q92" s="190"/>
      <c r="R92" s="190"/>
      <c r="S92" s="190"/>
      <c r="T92" s="190"/>
    </row>
  </sheetData>
  <mergeCells count="436">
    <mergeCell ref="C7:D7"/>
    <mergeCell ref="E7:F7"/>
    <mergeCell ref="G7:H7"/>
    <mergeCell ref="I7:J7"/>
    <mergeCell ref="K7:L7"/>
    <mergeCell ref="C6:D6"/>
    <mergeCell ref="E6:F6"/>
    <mergeCell ref="G6:H6"/>
    <mergeCell ref="I6:J6"/>
    <mergeCell ref="K6:L6"/>
    <mergeCell ref="I4:L4"/>
    <mergeCell ref="M4:P4"/>
    <mergeCell ref="Q4:T4"/>
    <mergeCell ref="E5:F5"/>
    <mergeCell ref="G5:H5"/>
    <mergeCell ref="O6:P6"/>
    <mergeCell ref="Q6:R6"/>
    <mergeCell ref="S6:T6"/>
    <mergeCell ref="M6:N6"/>
    <mergeCell ref="S7:T7"/>
    <mergeCell ref="B8:T8"/>
    <mergeCell ref="M7:N7"/>
    <mergeCell ref="O7:P7"/>
    <mergeCell ref="S5:T5"/>
    <mergeCell ref="A1:R1"/>
    <mergeCell ref="A3:A17"/>
    <mergeCell ref="B3:T3"/>
    <mergeCell ref="B4:D5"/>
    <mergeCell ref="E4:H4"/>
    <mergeCell ref="M9:N9"/>
    <mergeCell ref="O9:P9"/>
    <mergeCell ref="E11:H11"/>
    <mergeCell ref="I11:T11"/>
    <mergeCell ref="Q7:R7"/>
    <mergeCell ref="I5:J5"/>
    <mergeCell ref="K5:L5"/>
    <mergeCell ref="M5:N5"/>
    <mergeCell ref="O5:P5"/>
    <mergeCell ref="Q5:R5"/>
    <mergeCell ref="K10:L10"/>
    <mergeCell ref="M10:N10"/>
    <mergeCell ref="O10:P10"/>
    <mergeCell ref="Q10:R10"/>
    <mergeCell ref="S10:T10"/>
    <mergeCell ref="B9:D11"/>
    <mergeCell ref="E9:F9"/>
    <mergeCell ref="G9:H9"/>
    <mergeCell ref="I9:J9"/>
    <mergeCell ref="K9:L9"/>
    <mergeCell ref="B12:H12"/>
    <mergeCell ref="I12:J12"/>
    <mergeCell ref="L12:M12"/>
    <mergeCell ref="O12:P12"/>
    <mergeCell ref="R12:T12"/>
    <mergeCell ref="Q9:R9"/>
    <mergeCell ref="S9:T9"/>
    <mergeCell ref="E10:F10"/>
    <mergeCell ref="G10:H10"/>
    <mergeCell ref="I10:J10"/>
    <mergeCell ref="E13:F15"/>
    <mergeCell ref="G13:H13"/>
    <mergeCell ref="I13:J13"/>
    <mergeCell ref="L13:M13"/>
    <mergeCell ref="O13:P13"/>
    <mergeCell ref="R13:T13"/>
    <mergeCell ref="G14:H14"/>
    <mergeCell ref="I14:J14"/>
    <mergeCell ref="L14:M14"/>
    <mergeCell ref="O14:P14"/>
    <mergeCell ref="L17:M17"/>
    <mergeCell ref="O17:P17"/>
    <mergeCell ref="R17:S17"/>
    <mergeCell ref="R14:T14"/>
    <mergeCell ref="G15:H15"/>
    <mergeCell ref="I15:J15"/>
    <mergeCell ref="L15:M15"/>
    <mergeCell ref="O15:P15"/>
    <mergeCell ref="R15:T15"/>
    <mergeCell ref="O21:P21"/>
    <mergeCell ref="Q21:R21"/>
    <mergeCell ref="S21:T21"/>
    <mergeCell ref="B16:H16"/>
    <mergeCell ref="I16:J16"/>
    <mergeCell ref="L16:M16"/>
    <mergeCell ref="O16:P16"/>
    <mergeCell ref="R16:T16"/>
    <mergeCell ref="B17:H17"/>
    <mergeCell ref="I17:K17"/>
    <mergeCell ref="C21:D21"/>
    <mergeCell ref="E21:F21"/>
    <mergeCell ref="G21:H21"/>
    <mergeCell ref="I21:J21"/>
    <mergeCell ref="K21:L21"/>
    <mergeCell ref="M21:N21"/>
    <mergeCell ref="Q19:T19"/>
    <mergeCell ref="E20:F20"/>
    <mergeCell ref="G20:H20"/>
    <mergeCell ref="I20:J20"/>
    <mergeCell ref="K20:L20"/>
    <mergeCell ref="M20:N20"/>
    <mergeCell ref="O20:P20"/>
    <mergeCell ref="Q20:R20"/>
    <mergeCell ref="S20:T20"/>
    <mergeCell ref="M22:N22"/>
    <mergeCell ref="O22:P22"/>
    <mergeCell ref="Q22:R22"/>
    <mergeCell ref="S22:T22"/>
    <mergeCell ref="A18:A32"/>
    <mergeCell ref="B18:T18"/>
    <mergeCell ref="B19:D20"/>
    <mergeCell ref="E19:H19"/>
    <mergeCell ref="I19:L19"/>
    <mergeCell ref="M19:P19"/>
    <mergeCell ref="K24:L24"/>
    <mergeCell ref="M24:N24"/>
    <mergeCell ref="S25:T25"/>
    <mergeCell ref="E26:H26"/>
    <mergeCell ref="I26:T26"/>
    <mergeCell ref="C22:D22"/>
    <mergeCell ref="E22:F22"/>
    <mergeCell ref="G22:H22"/>
    <mergeCell ref="I22:J22"/>
    <mergeCell ref="K22:L22"/>
    <mergeCell ref="I25:J25"/>
    <mergeCell ref="K25:L25"/>
    <mergeCell ref="M25:N25"/>
    <mergeCell ref="O25:P25"/>
    <mergeCell ref="Q25:R25"/>
    <mergeCell ref="B23:T23"/>
    <mergeCell ref="B24:D26"/>
    <mergeCell ref="E24:F24"/>
    <mergeCell ref="G24:H24"/>
    <mergeCell ref="I24:J24"/>
    <mergeCell ref="B27:H27"/>
    <mergeCell ref="I27:J27"/>
    <mergeCell ref="L27:M27"/>
    <mergeCell ref="O27:P27"/>
    <mergeCell ref="R27:T27"/>
    <mergeCell ref="O24:P24"/>
    <mergeCell ref="Q24:R24"/>
    <mergeCell ref="S24:T24"/>
    <mergeCell ref="E25:F25"/>
    <mergeCell ref="G25:H25"/>
    <mergeCell ref="E28:F30"/>
    <mergeCell ref="G28:H28"/>
    <mergeCell ref="I28:J28"/>
    <mergeCell ref="L28:M28"/>
    <mergeCell ref="O28:P28"/>
    <mergeCell ref="R28:T28"/>
    <mergeCell ref="G29:H29"/>
    <mergeCell ref="I29:J29"/>
    <mergeCell ref="L29:M29"/>
    <mergeCell ref="O29:P29"/>
    <mergeCell ref="L32:M32"/>
    <mergeCell ref="O32:P32"/>
    <mergeCell ref="R32:S32"/>
    <mergeCell ref="R29:T29"/>
    <mergeCell ref="G30:H30"/>
    <mergeCell ref="I30:J30"/>
    <mergeCell ref="L30:M30"/>
    <mergeCell ref="O30:P30"/>
    <mergeCell ref="R30:T30"/>
    <mergeCell ref="O36:P36"/>
    <mergeCell ref="Q36:R36"/>
    <mergeCell ref="S36:T36"/>
    <mergeCell ref="B31:H31"/>
    <mergeCell ref="I31:J31"/>
    <mergeCell ref="L31:M31"/>
    <mergeCell ref="O31:P31"/>
    <mergeCell ref="R31:T31"/>
    <mergeCell ref="B32:H32"/>
    <mergeCell ref="I32:K32"/>
    <mergeCell ref="C36:D36"/>
    <mergeCell ref="E36:F36"/>
    <mergeCell ref="G36:H36"/>
    <mergeCell ref="I36:J36"/>
    <mergeCell ref="K36:L36"/>
    <mergeCell ref="M36:N36"/>
    <mergeCell ref="Q34:T34"/>
    <mergeCell ref="E35:F35"/>
    <mergeCell ref="G35:H35"/>
    <mergeCell ref="I35:J35"/>
    <mergeCell ref="K35:L35"/>
    <mergeCell ref="M35:N35"/>
    <mergeCell ref="O35:P35"/>
    <mergeCell ref="Q35:R35"/>
    <mergeCell ref="S35:T35"/>
    <mergeCell ref="M37:N37"/>
    <mergeCell ref="O37:P37"/>
    <mergeCell ref="Q37:R37"/>
    <mergeCell ref="S37:T37"/>
    <mergeCell ref="A33:A47"/>
    <mergeCell ref="B33:T33"/>
    <mergeCell ref="B34:D35"/>
    <mergeCell ref="E34:H34"/>
    <mergeCell ref="I34:L34"/>
    <mergeCell ref="M34:P34"/>
    <mergeCell ref="K39:L39"/>
    <mergeCell ref="M39:N39"/>
    <mergeCell ref="S40:T40"/>
    <mergeCell ref="E41:H41"/>
    <mergeCell ref="I41:T41"/>
    <mergeCell ref="C37:D37"/>
    <mergeCell ref="E37:F37"/>
    <mergeCell ref="G37:H37"/>
    <mergeCell ref="I37:J37"/>
    <mergeCell ref="K37:L37"/>
    <mergeCell ref="I40:J40"/>
    <mergeCell ref="K40:L40"/>
    <mergeCell ref="M40:N40"/>
    <mergeCell ref="O40:P40"/>
    <mergeCell ref="Q40:R40"/>
    <mergeCell ref="B38:T38"/>
    <mergeCell ref="B39:D41"/>
    <mergeCell ref="E39:F39"/>
    <mergeCell ref="G39:H39"/>
    <mergeCell ref="I39:J39"/>
    <mergeCell ref="B42:H42"/>
    <mergeCell ref="I42:J42"/>
    <mergeCell ref="L42:M42"/>
    <mergeCell ref="O42:P42"/>
    <mergeCell ref="R42:T42"/>
    <mergeCell ref="O39:P39"/>
    <mergeCell ref="Q39:R39"/>
    <mergeCell ref="S39:T39"/>
    <mergeCell ref="E40:F40"/>
    <mergeCell ref="G40:H40"/>
    <mergeCell ref="E43:F45"/>
    <mergeCell ref="G43:H43"/>
    <mergeCell ref="I43:J43"/>
    <mergeCell ref="L43:M43"/>
    <mergeCell ref="O43:P43"/>
    <mergeCell ref="R43:T43"/>
    <mergeCell ref="G44:H44"/>
    <mergeCell ref="I44:J44"/>
    <mergeCell ref="L44:M44"/>
    <mergeCell ref="O44:P44"/>
    <mergeCell ref="O47:P47"/>
    <mergeCell ref="R47:S47"/>
    <mergeCell ref="R44:T44"/>
    <mergeCell ref="G45:H45"/>
    <mergeCell ref="I45:J45"/>
    <mergeCell ref="L45:M45"/>
    <mergeCell ref="O45:P45"/>
    <mergeCell ref="R45:T45"/>
    <mergeCell ref="E58:F58"/>
    <mergeCell ref="G58:T58"/>
    <mergeCell ref="B46:H46"/>
    <mergeCell ref="I46:J46"/>
    <mergeCell ref="L46:M46"/>
    <mergeCell ref="O46:P46"/>
    <mergeCell ref="R46:T46"/>
    <mergeCell ref="B47:H47"/>
    <mergeCell ref="I47:K47"/>
    <mergeCell ref="L47:M47"/>
    <mergeCell ref="A49:R49"/>
    <mergeCell ref="A50:R50"/>
    <mergeCell ref="A51:A58"/>
    <mergeCell ref="B51:D51"/>
    <mergeCell ref="E51:T51"/>
    <mergeCell ref="B52:D52"/>
    <mergeCell ref="E52:T52"/>
    <mergeCell ref="B53:D56"/>
    <mergeCell ref="E53:F53"/>
    <mergeCell ref="K53:T53"/>
    <mergeCell ref="E54:G55"/>
    <mergeCell ref="I54:M55"/>
    <mergeCell ref="O54:T55"/>
    <mergeCell ref="E56:T56"/>
    <mergeCell ref="B57:D58"/>
    <mergeCell ref="E57:F57"/>
    <mergeCell ref="G57:K57"/>
    <mergeCell ref="M57:N57"/>
    <mergeCell ref="O57:P57"/>
    <mergeCell ref="Q57:T57"/>
    <mergeCell ref="M63:N63"/>
    <mergeCell ref="O63:P63"/>
    <mergeCell ref="A59:T59"/>
    <mergeCell ref="A60:H60"/>
    <mergeCell ref="I60:J60"/>
    <mergeCell ref="L60:Q60"/>
    <mergeCell ref="R60:S60"/>
    <mergeCell ref="B65:H65"/>
    <mergeCell ref="I65:J65"/>
    <mergeCell ref="L65:M65"/>
    <mergeCell ref="O65:P65"/>
    <mergeCell ref="R65:T65"/>
    <mergeCell ref="S62:T62"/>
    <mergeCell ref="E63:F63"/>
    <mergeCell ref="G63:H63"/>
    <mergeCell ref="I63:J63"/>
    <mergeCell ref="K63:L63"/>
    <mergeCell ref="A61:A70"/>
    <mergeCell ref="B61:T61"/>
    <mergeCell ref="B62:D64"/>
    <mergeCell ref="E62:F62"/>
    <mergeCell ref="G62:H62"/>
    <mergeCell ref="I62:J62"/>
    <mergeCell ref="K62:L62"/>
    <mergeCell ref="M62:N62"/>
    <mergeCell ref="O62:P62"/>
    <mergeCell ref="Q62:R62"/>
    <mergeCell ref="E66:F68"/>
    <mergeCell ref="G66:H66"/>
    <mergeCell ref="I66:J66"/>
    <mergeCell ref="L66:M66"/>
    <mergeCell ref="O66:P66"/>
    <mergeCell ref="R66:T66"/>
    <mergeCell ref="G67:H67"/>
    <mergeCell ref="I67:J67"/>
    <mergeCell ref="L67:M67"/>
    <mergeCell ref="O67:P67"/>
    <mergeCell ref="Q63:R63"/>
    <mergeCell ref="S63:T63"/>
    <mergeCell ref="R67:T67"/>
    <mergeCell ref="G68:H68"/>
    <mergeCell ref="I68:J68"/>
    <mergeCell ref="L68:M68"/>
    <mergeCell ref="O68:P68"/>
    <mergeCell ref="R68:T68"/>
    <mergeCell ref="E64:H64"/>
    <mergeCell ref="I64:T64"/>
    <mergeCell ref="R69:T69"/>
    <mergeCell ref="B70:H70"/>
    <mergeCell ref="I70:K70"/>
    <mergeCell ref="L70:M70"/>
    <mergeCell ref="O70:P70"/>
    <mergeCell ref="R70:S70"/>
    <mergeCell ref="M73:N73"/>
    <mergeCell ref="O73:P73"/>
    <mergeCell ref="B69:H69"/>
    <mergeCell ref="I69:J69"/>
    <mergeCell ref="L69:M69"/>
    <mergeCell ref="O69:P69"/>
    <mergeCell ref="B75:H75"/>
    <mergeCell ref="I75:J75"/>
    <mergeCell ref="L75:M75"/>
    <mergeCell ref="O75:P75"/>
    <mergeCell ref="R75:T75"/>
    <mergeCell ref="S72:T72"/>
    <mergeCell ref="E73:F73"/>
    <mergeCell ref="G73:H73"/>
    <mergeCell ref="I73:J73"/>
    <mergeCell ref="K73:L73"/>
    <mergeCell ref="A71:A80"/>
    <mergeCell ref="B71:T71"/>
    <mergeCell ref="B72:D74"/>
    <mergeCell ref="E72:F72"/>
    <mergeCell ref="G72:H72"/>
    <mergeCell ref="I72:J72"/>
    <mergeCell ref="K72:L72"/>
    <mergeCell ref="M72:N72"/>
    <mergeCell ref="O72:P72"/>
    <mergeCell ref="Q72:R72"/>
    <mergeCell ref="E76:F78"/>
    <mergeCell ref="G76:H76"/>
    <mergeCell ref="I76:J76"/>
    <mergeCell ref="L76:M76"/>
    <mergeCell ref="O76:P76"/>
    <mergeCell ref="R76:T76"/>
    <mergeCell ref="G77:H77"/>
    <mergeCell ref="I77:J77"/>
    <mergeCell ref="L77:M77"/>
    <mergeCell ref="O77:P77"/>
    <mergeCell ref="Q73:R73"/>
    <mergeCell ref="S73:T73"/>
    <mergeCell ref="R77:T77"/>
    <mergeCell ref="G78:H78"/>
    <mergeCell ref="I78:J78"/>
    <mergeCell ref="L78:M78"/>
    <mergeCell ref="O78:P78"/>
    <mergeCell ref="R78:T78"/>
    <mergeCell ref="E74:H74"/>
    <mergeCell ref="I74:T74"/>
    <mergeCell ref="R79:T79"/>
    <mergeCell ref="B80:H80"/>
    <mergeCell ref="I80:K80"/>
    <mergeCell ref="L80:M80"/>
    <mergeCell ref="O80:P80"/>
    <mergeCell ref="R80:S80"/>
    <mergeCell ref="M83:N83"/>
    <mergeCell ref="O83:P83"/>
    <mergeCell ref="B79:H79"/>
    <mergeCell ref="I79:J79"/>
    <mergeCell ref="L79:M79"/>
    <mergeCell ref="O79:P79"/>
    <mergeCell ref="B85:H85"/>
    <mergeCell ref="I85:J85"/>
    <mergeCell ref="L85:M85"/>
    <mergeCell ref="O85:P85"/>
    <mergeCell ref="R85:T85"/>
    <mergeCell ref="S82:T82"/>
    <mergeCell ref="E83:F83"/>
    <mergeCell ref="G83:H83"/>
    <mergeCell ref="I83:J83"/>
    <mergeCell ref="K83:L83"/>
    <mergeCell ref="A81:A90"/>
    <mergeCell ref="B81:T81"/>
    <mergeCell ref="B82:D84"/>
    <mergeCell ref="E82:F82"/>
    <mergeCell ref="G82:H82"/>
    <mergeCell ref="I82:J82"/>
    <mergeCell ref="K82:L82"/>
    <mergeCell ref="M82:N82"/>
    <mergeCell ref="O82:P82"/>
    <mergeCell ref="Q82:R82"/>
    <mergeCell ref="E86:F88"/>
    <mergeCell ref="G86:H86"/>
    <mergeCell ref="I86:J86"/>
    <mergeCell ref="L86:M86"/>
    <mergeCell ref="O86:P86"/>
    <mergeCell ref="R86:T86"/>
    <mergeCell ref="G87:H87"/>
    <mergeCell ref="I87:J87"/>
    <mergeCell ref="L87:M87"/>
    <mergeCell ref="O87:P87"/>
    <mergeCell ref="Q83:R83"/>
    <mergeCell ref="S83:T83"/>
    <mergeCell ref="R87:T87"/>
    <mergeCell ref="G88:H88"/>
    <mergeCell ref="I88:J88"/>
    <mergeCell ref="L88:M88"/>
    <mergeCell ref="O88:P88"/>
    <mergeCell ref="R88:T88"/>
    <mergeCell ref="E84:H84"/>
    <mergeCell ref="I84:T84"/>
    <mergeCell ref="B89:H89"/>
    <mergeCell ref="I89:J89"/>
    <mergeCell ref="L89:M89"/>
    <mergeCell ref="O89:P89"/>
    <mergeCell ref="R89:T89"/>
    <mergeCell ref="B90:H90"/>
    <mergeCell ref="I90:K90"/>
    <mergeCell ref="L90:M90"/>
    <mergeCell ref="O90:P90"/>
    <mergeCell ref="R90:S90"/>
  </mergeCells>
  <phoneticPr fontId="3"/>
  <dataValidations count="1">
    <dataValidation type="list" allowBlank="1" showInputMessage="1" showErrorMessage="1" sqref="E25:T25 E40:T40 E10:T10 E73:T73 E63:T63 E83:T83">
      <formula1>"〇"</formula1>
    </dataValidation>
  </dataValidations>
  <printOptions horizontalCentered="1"/>
  <pageMargins left="0.70866141732283472" right="0.70866141732283472" top="0.74803149606299213" bottom="0.74803149606299213" header="0.31496062992125984" footer="0.31496062992125984"/>
  <pageSetup paperSize="9" scale="60" fitToHeight="0" orientation="portrait" r:id="rId1"/>
  <headerFooter alignWithMargins="0"/>
  <rowBreaks count="1" manualBreakCount="1">
    <brk id="48" max="16383" man="1"/>
  </rowBreaks>
  <colBreaks count="1" manualBreakCount="1">
    <brk id="20" max="1048575" man="1"/>
  </col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付表第二号（三）</vt:lpstr>
      <vt:lpstr>（参考）付表第二号（三）</vt:lpstr>
      <vt:lpstr>'（参考）付表第二号（三）'!Print_Area</vt:lpstr>
      <vt:lpstr>'付表第二号（三）'!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水家　慶</dc:creator>
  <cp:lastModifiedBy>水家　慶</cp:lastModifiedBy>
  <dcterms:created xsi:type="dcterms:W3CDTF">2024-03-13T07:07:35Z</dcterms:created>
  <dcterms:modified xsi:type="dcterms:W3CDTF">2024-03-13T07:08:03Z</dcterms:modified>
</cp:coreProperties>
</file>